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1"/>
  </p:notesMasterIdLst>
  <p:sldIdLst>
    <p:sldId id="279" r:id="rId2"/>
    <p:sldId id="257" r:id="rId3"/>
    <p:sldId id="258" r:id="rId4"/>
    <p:sldId id="276" r:id="rId5"/>
    <p:sldId id="280" r:id="rId6"/>
    <p:sldId id="259" r:id="rId7"/>
    <p:sldId id="267" r:id="rId8"/>
    <p:sldId id="260" r:id="rId9"/>
    <p:sldId id="261" r:id="rId10"/>
    <p:sldId id="269" r:id="rId11"/>
    <p:sldId id="277" r:id="rId12"/>
    <p:sldId id="275" r:id="rId13"/>
    <p:sldId id="263" r:id="rId14"/>
    <p:sldId id="264" r:id="rId15"/>
    <p:sldId id="268" r:id="rId16"/>
    <p:sldId id="265" r:id="rId17"/>
    <p:sldId id="278" r:id="rId18"/>
    <p:sldId id="274" r:id="rId19"/>
    <p:sldId id="266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BA34469-910D-474B-98A1-6C5F2957DD16}" v="1" dt="2025-01-08T13:44:51.07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20"/>
    <p:restoredTop sz="94660"/>
  </p:normalViewPr>
  <p:slideViewPr>
    <p:cSldViewPr snapToGrid="0">
      <p:cViewPr varScale="1">
        <p:scale>
          <a:sx n="76" d="100"/>
          <a:sy n="76" d="100"/>
        </p:scale>
        <p:origin x="91" y="341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microsoft.com/office/2016/11/relationships/changesInfo" Target="changesInfos/changesInfo1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 L" userId="a0f86321d7a7d29e" providerId="LiveId" clId="{7E3AEB80-306C-4531-8C7C-E028975F4F93}"/>
    <pc:docChg chg="undo redo custSel addSld delSld modSld">
      <pc:chgData name="N L" userId="a0f86321d7a7d29e" providerId="LiveId" clId="{7E3AEB80-306C-4531-8C7C-E028975F4F93}" dt="2024-10-20T08:19:04.638" v="597" actId="20577"/>
      <pc:docMkLst>
        <pc:docMk/>
      </pc:docMkLst>
      <pc:sldChg chg="del">
        <pc:chgData name="N L" userId="a0f86321d7a7d29e" providerId="LiveId" clId="{7E3AEB80-306C-4531-8C7C-E028975F4F93}" dt="2024-10-20T06:40:27.230" v="505" actId="2696"/>
        <pc:sldMkLst>
          <pc:docMk/>
          <pc:sldMk cId="3122649492" sldId="256"/>
        </pc:sldMkLst>
      </pc:sldChg>
      <pc:sldChg chg="modSp mod">
        <pc:chgData name="N L" userId="a0f86321d7a7d29e" providerId="LiveId" clId="{7E3AEB80-306C-4531-8C7C-E028975F4F93}" dt="2024-10-20T08:03:41.202" v="585" actId="20577"/>
        <pc:sldMkLst>
          <pc:docMk/>
          <pc:sldMk cId="3633487232" sldId="257"/>
        </pc:sldMkLst>
        <pc:spChg chg="mod">
          <ac:chgData name="N L" userId="a0f86321d7a7d29e" providerId="LiveId" clId="{7E3AEB80-306C-4531-8C7C-E028975F4F93}" dt="2024-10-20T06:42:00.085" v="512" actId="2711"/>
          <ac:spMkLst>
            <pc:docMk/>
            <pc:sldMk cId="3633487232" sldId="257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8:03:41.202" v="585" actId="20577"/>
          <ac:spMkLst>
            <pc:docMk/>
            <pc:sldMk cId="3633487232" sldId="257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2:25.733" v="516" actId="120"/>
        <pc:sldMkLst>
          <pc:docMk/>
          <pc:sldMk cId="3767711167" sldId="258"/>
        </pc:sldMkLst>
        <pc:spChg chg="mod">
          <ac:chgData name="N L" userId="a0f86321d7a7d29e" providerId="LiveId" clId="{7E3AEB80-306C-4531-8C7C-E028975F4F93}" dt="2024-10-20T06:42:20.715" v="515" actId="2711"/>
          <ac:spMkLst>
            <pc:docMk/>
            <pc:sldMk cId="3767711167" sldId="258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2:25.733" v="516" actId="120"/>
          <ac:spMkLst>
            <pc:docMk/>
            <pc:sldMk cId="3767711167" sldId="258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2:53.390" v="519" actId="2711"/>
        <pc:sldMkLst>
          <pc:docMk/>
          <pc:sldMk cId="2659618667" sldId="259"/>
        </pc:sldMkLst>
        <pc:spChg chg="mod">
          <ac:chgData name="N L" userId="a0f86321d7a7d29e" providerId="LiveId" clId="{7E3AEB80-306C-4531-8C7C-E028975F4F93}" dt="2024-10-20T06:42:53.390" v="519" actId="2711"/>
          <ac:spMkLst>
            <pc:docMk/>
            <pc:sldMk cId="2659618667" sldId="259"/>
            <ac:spMk id="2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3:54.845" v="522" actId="404"/>
        <pc:sldMkLst>
          <pc:docMk/>
          <pc:sldMk cId="2666729557" sldId="260"/>
        </pc:sldMkLst>
        <pc:spChg chg="mod">
          <ac:chgData name="N L" userId="a0f86321d7a7d29e" providerId="LiveId" clId="{7E3AEB80-306C-4531-8C7C-E028975F4F93}" dt="2024-10-20T06:43:44.981" v="521" actId="2711"/>
          <ac:spMkLst>
            <pc:docMk/>
            <pc:sldMk cId="2666729557" sldId="260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3:54.845" v="522" actId="404"/>
          <ac:spMkLst>
            <pc:docMk/>
            <pc:sldMk cId="2666729557" sldId="260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4:06.436" v="523" actId="2711"/>
        <pc:sldMkLst>
          <pc:docMk/>
          <pc:sldMk cId="2314944744" sldId="261"/>
        </pc:sldMkLst>
        <pc:spChg chg="mod">
          <ac:chgData name="N L" userId="a0f86321d7a7d29e" providerId="LiveId" clId="{7E3AEB80-306C-4531-8C7C-E028975F4F93}" dt="2024-10-20T06:44:06.436" v="523" actId="2711"/>
          <ac:spMkLst>
            <pc:docMk/>
            <pc:sldMk cId="2314944744" sldId="261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19T07:10:54.703" v="465" actId="14100"/>
          <ac:spMkLst>
            <pc:docMk/>
            <pc:sldMk cId="2314944744" sldId="261"/>
            <ac:spMk id="9" creationId="{354469EB-FC21-F10A-D71F-242C7F05CBBB}"/>
          </ac:spMkLst>
        </pc:spChg>
      </pc:sldChg>
      <pc:sldChg chg="modSp mod">
        <pc:chgData name="N L" userId="a0f86321d7a7d29e" providerId="LiveId" clId="{7E3AEB80-306C-4531-8C7C-E028975F4F93}" dt="2024-10-20T06:45:21.365" v="549" actId="20577"/>
        <pc:sldMkLst>
          <pc:docMk/>
          <pc:sldMk cId="1923928155" sldId="263"/>
        </pc:sldMkLst>
        <pc:spChg chg="mod">
          <ac:chgData name="N L" userId="a0f86321d7a7d29e" providerId="LiveId" clId="{7E3AEB80-306C-4531-8C7C-E028975F4F93}" dt="2024-10-20T06:44:45.137" v="528" actId="2711"/>
          <ac:spMkLst>
            <pc:docMk/>
            <pc:sldMk cId="1923928155" sldId="263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5:21.365" v="549" actId="20577"/>
          <ac:spMkLst>
            <pc:docMk/>
            <pc:sldMk cId="1923928155" sldId="263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8:19:04.638" v="597" actId="20577"/>
        <pc:sldMkLst>
          <pc:docMk/>
          <pc:sldMk cId="2238571193" sldId="264"/>
        </pc:sldMkLst>
        <pc:spChg chg="mod">
          <ac:chgData name="N L" userId="a0f86321d7a7d29e" providerId="LiveId" clId="{7E3AEB80-306C-4531-8C7C-E028975F4F93}" dt="2024-10-20T06:45:30.915" v="550" actId="2711"/>
          <ac:spMkLst>
            <pc:docMk/>
            <pc:sldMk cId="2238571193" sldId="264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8:19:04.638" v="597" actId="20577"/>
          <ac:spMkLst>
            <pc:docMk/>
            <pc:sldMk cId="2238571193" sldId="264"/>
            <ac:spMk id="3" creationId="{00000000-0000-0000-0000-000000000000}"/>
          </ac:spMkLst>
        </pc:spChg>
      </pc:sldChg>
      <pc:sldChg chg="modSp mod">
        <pc:chgData name="N L" userId="a0f86321d7a7d29e" providerId="LiveId" clId="{7E3AEB80-306C-4531-8C7C-E028975F4F93}" dt="2024-10-20T06:46:36.296" v="564" actId="123"/>
        <pc:sldMkLst>
          <pc:docMk/>
          <pc:sldMk cId="3613863315" sldId="265"/>
        </pc:sldMkLst>
        <pc:spChg chg="mod">
          <ac:chgData name="N L" userId="a0f86321d7a7d29e" providerId="LiveId" clId="{7E3AEB80-306C-4531-8C7C-E028975F4F93}" dt="2024-10-20T06:46:05.734" v="558" actId="2711"/>
          <ac:spMkLst>
            <pc:docMk/>
            <pc:sldMk cId="3613863315" sldId="265"/>
            <ac:spMk id="2" creationId="{00000000-0000-0000-0000-000000000000}"/>
          </ac:spMkLst>
        </pc:spChg>
        <pc:spChg chg="mod">
          <ac:chgData name="N L" userId="a0f86321d7a7d29e" providerId="LiveId" clId="{7E3AEB80-306C-4531-8C7C-E028975F4F93}" dt="2024-10-20T06:46:36.296" v="564" actId="123"/>
          <ac:spMkLst>
            <pc:docMk/>
            <pc:sldMk cId="3613863315" sldId="265"/>
            <ac:spMk id="4" creationId="{CED7B48F-8B91-CFA9-CF9C-E4341C01F044}"/>
          </ac:spMkLst>
        </pc:spChg>
      </pc:sldChg>
      <pc:sldChg chg="modSp mod">
        <pc:chgData name="N L" userId="a0f86321d7a7d29e" providerId="LiveId" clId="{7E3AEB80-306C-4531-8C7C-E028975F4F93}" dt="2024-10-20T06:43:16.600" v="520" actId="2711"/>
        <pc:sldMkLst>
          <pc:docMk/>
          <pc:sldMk cId="2987530027" sldId="267"/>
        </pc:sldMkLst>
        <pc:spChg chg="mod">
          <ac:chgData name="N L" userId="a0f86321d7a7d29e" providerId="LiveId" clId="{7E3AEB80-306C-4531-8C7C-E028975F4F93}" dt="2024-10-20T06:43:16.600" v="520" actId="2711"/>
          <ac:spMkLst>
            <pc:docMk/>
            <pc:sldMk cId="2987530027" sldId="267"/>
            <ac:spMk id="2" creationId="{87EF43C9-E096-DA2E-459E-A4C8950150F7}"/>
          </ac:spMkLst>
        </pc:spChg>
      </pc:sldChg>
      <pc:sldChg chg="modSp mod">
        <pc:chgData name="N L" userId="a0f86321d7a7d29e" providerId="LiveId" clId="{7E3AEB80-306C-4531-8C7C-E028975F4F93}" dt="2024-10-20T06:46:22.292" v="560" actId="1076"/>
        <pc:sldMkLst>
          <pc:docMk/>
          <pc:sldMk cId="2856357337" sldId="268"/>
        </pc:sldMkLst>
        <pc:spChg chg="mod">
          <ac:chgData name="N L" userId="a0f86321d7a7d29e" providerId="LiveId" clId="{7E3AEB80-306C-4531-8C7C-E028975F4F93}" dt="2024-10-20T06:46:22.292" v="560" actId="1076"/>
          <ac:spMkLst>
            <pc:docMk/>
            <pc:sldMk cId="2856357337" sldId="268"/>
            <ac:spMk id="114" creationId="{00000000-0000-0000-0000-000000000000}"/>
          </ac:spMkLst>
        </pc:spChg>
      </pc:sldChg>
      <pc:sldChg chg="addSp delSp modSp mod">
        <pc:chgData name="N L" userId="a0f86321d7a7d29e" providerId="LiveId" clId="{7E3AEB80-306C-4531-8C7C-E028975F4F93}" dt="2024-10-20T06:44:14.407" v="524" actId="2711"/>
        <pc:sldMkLst>
          <pc:docMk/>
          <pc:sldMk cId="2249459520" sldId="269"/>
        </pc:sldMkLst>
        <pc:spChg chg="mod">
          <ac:chgData name="N L" userId="a0f86321d7a7d29e" providerId="LiveId" clId="{7E3AEB80-306C-4531-8C7C-E028975F4F93}" dt="2024-10-20T06:44:14.407" v="524" actId="2711"/>
          <ac:spMkLst>
            <pc:docMk/>
            <pc:sldMk cId="2249459520" sldId="269"/>
            <ac:spMk id="2" creationId="{A49B28A5-9F1D-C1E9-3190-C6005FE0BEBF}"/>
          </ac:spMkLst>
        </pc:spChg>
      </pc:sldChg>
      <pc:sldChg chg="modSp mod">
        <pc:chgData name="N L" userId="a0f86321d7a7d29e" providerId="LiveId" clId="{7E3AEB80-306C-4531-8C7C-E028975F4F93}" dt="2024-10-20T06:48:14.633" v="578" actId="2711"/>
        <pc:sldMkLst>
          <pc:docMk/>
          <pc:sldMk cId="3795449471" sldId="274"/>
        </pc:sldMkLst>
        <pc:spChg chg="mod">
          <ac:chgData name="N L" userId="a0f86321d7a7d29e" providerId="LiveId" clId="{7E3AEB80-306C-4531-8C7C-E028975F4F93}" dt="2024-10-20T06:48:14.633" v="578" actId="2711"/>
          <ac:spMkLst>
            <pc:docMk/>
            <pc:sldMk cId="3795449471" sldId="274"/>
            <ac:spMk id="2" creationId="{84338A02-66E7-D4A9-0B63-EC7A4969F9A5}"/>
          </ac:spMkLst>
        </pc:spChg>
      </pc:sldChg>
      <pc:sldChg chg="modSp mod">
        <pc:chgData name="N L" userId="a0f86321d7a7d29e" providerId="LiveId" clId="{7E3AEB80-306C-4531-8C7C-E028975F4F93}" dt="2024-10-20T06:44:37.360" v="527" actId="2711"/>
        <pc:sldMkLst>
          <pc:docMk/>
          <pc:sldMk cId="4243237983" sldId="275"/>
        </pc:sldMkLst>
        <pc:spChg chg="mod">
          <ac:chgData name="N L" userId="a0f86321d7a7d29e" providerId="LiveId" clId="{7E3AEB80-306C-4531-8C7C-E028975F4F93}" dt="2024-10-20T06:44:37.360" v="527" actId="2711"/>
          <ac:spMkLst>
            <pc:docMk/>
            <pc:sldMk cId="4243237983" sldId="275"/>
            <ac:spMk id="19" creationId="{EFFCDB1C-3643-90FF-CFCB-186D32D7A3B6}"/>
          </ac:spMkLst>
        </pc:spChg>
      </pc:sldChg>
      <pc:sldChg chg="modSp mod">
        <pc:chgData name="N L" userId="a0f86321d7a7d29e" providerId="LiveId" clId="{7E3AEB80-306C-4531-8C7C-E028975F4F93}" dt="2024-10-20T06:42:45.581" v="518" actId="404"/>
        <pc:sldMkLst>
          <pc:docMk/>
          <pc:sldMk cId="1637666217" sldId="276"/>
        </pc:sldMkLst>
        <pc:spChg chg="mod">
          <ac:chgData name="N L" userId="a0f86321d7a7d29e" providerId="LiveId" clId="{7E3AEB80-306C-4531-8C7C-E028975F4F93}" dt="2024-10-20T06:42:34.007" v="517" actId="2711"/>
          <ac:spMkLst>
            <pc:docMk/>
            <pc:sldMk cId="1637666217" sldId="276"/>
            <ac:spMk id="2" creationId="{88591458-3602-B88D-69F2-536F2B2C1F17}"/>
          </ac:spMkLst>
        </pc:spChg>
        <pc:spChg chg="mod">
          <ac:chgData name="N L" userId="a0f86321d7a7d29e" providerId="LiveId" clId="{7E3AEB80-306C-4531-8C7C-E028975F4F93}" dt="2024-10-20T06:42:45.581" v="518" actId="404"/>
          <ac:spMkLst>
            <pc:docMk/>
            <pc:sldMk cId="1637666217" sldId="276"/>
            <ac:spMk id="3" creationId="{6B8BBEEA-9AE3-9AD1-DBF4-A2CC98EF1B9B}"/>
          </ac:spMkLst>
        </pc:spChg>
      </pc:sldChg>
      <pc:sldChg chg="modSp mod">
        <pc:chgData name="N L" userId="a0f86321d7a7d29e" providerId="LiveId" clId="{7E3AEB80-306C-4531-8C7C-E028975F4F93}" dt="2024-10-20T06:44:28.313" v="526" actId="404"/>
        <pc:sldMkLst>
          <pc:docMk/>
          <pc:sldMk cId="825552305" sldId="277"/>
        </pc:sldMkLst>
        <pc:spChg chg="mod">
          <ac:chgData name="N L" userId="a0f86321d7a7d29e" providerId="LiveId" clId="{7E3AEB80-306C-4531-8C7C-E028975F4F93}" dt="2024-10-20T06:44:23.994" v="525" actId="2711"/>
          <ac:spMkLst>
            <pc:docMk/>
            <pc:sldMk cId="825552305" sldId="277"/>
            <ac:spMk id="2" creationId="{941B97FD-7A7C-F5A7-82F8-E665F49E37A5}"/>
          </ac:spMkLst>
        </pc:spChg>
        <pc:spChg chg="mod">
          <ac:chgData name="N L" userId="a0f86321d7a7d29e" providerId="LiveId" clId="{7E3AEB80-306C-4531-8C7C-E028975F4F93}" dt="2024-10-20T06:44:28.313" v="526" actId="404"/>
          <ac:spMkLst>
            <pc:docMk/>
            <pc:sldMk cId="825552305" sldId="277"/>
            <ac:spMk id="3" creationId="{15C84BCC-0DB1-FDE0-3402-D7F5BF535CDB}"/>
          </ac:spMkLst>
        </pc:spChg>
      </pc:sldChg>
      <pc:sldChg chg="modSp mod">
        <pc:chgData name="N L" userId="a0f86321d7a7d29e" providerId="LiveId" clId="{7E3AEB80-306C-4531-8C7C-E028975F4F93}" dt="2024-10-20T06:47:59.341" v="577" actId="14100"/>
        <pc:sldMkLst>
          <pc:docMk/>
          <pc:sldMk cId="3776723221" sldId="278"/>
        </pc:sldMkLst>
        <pc:spChg chg="mod">
          <ac:chgData name="N L" userId="a0f86321d7a7d29e" providerId="LiveId" clId="{7E3AEB80-306C-4531-8C7C-E028975F4F93}" dt="2024-10-20T06:47:59.341" v="577" actId="14100"/>
          <ac:spMkLst>
            <pc:docMk/>
            <pc:sldMk cId="3776723221" sldId="278"/>
            <ac:spMk id="3" creationId="{32CF92AC-8569-4A47-3F95-774F6D1B6420}"/>
          </ac:spMkLst>
        </pc:spChg>
      </pc:sldChg>
      <pc:sldChg chg="modSp add mod">
        <pc:chgData name="N L" userId="a0f86321d7a7d29e" providerId="LiveId" clId="{7E3AEB80-306C-4531-8C7C-E028975F4F93}" dt="2024-10-20T06:41:29.184" v="511" actId="404"/>
        <pc:sldMkLst>
          <pc:docMk/>
          <pc:sldMk cId="0" sldId="279"/>
        </pc:sldMkLst>
        <pc:spChg chg="mod">
          <ac:chgData name="N L" userId="a0f86321d7a7d29e" providerId="LiveId" clId="{7E3AEB80-306C-4531-8C7C-E028975F4F93}" dt="2024-10-20T06:41:14.657" v="510" actId="1076"/>
          <ac:spMkLst>
            <pc:docMk/>
            <pc:sldMk cId="0" sldId="279"/>
            <ac:spMk id="8" creationId="{00000000-0000-0000-0000-000000000000}"/>
          </ac:spMkLst>
        </pc:spChg>
        <pc:spChg chg="mod">
          <ac:chgData name="N L" userId="a0f86321d7a7d29e" providerId="LiveId" clId="{7E3AEB80-306C-4531-8C7C-E028975F4F93}" dt="2024-10-20T06:41:29.184" v="511" actId="404"/>
          <ac:spMkLst>
            <pc:docMk/>
            <pc:sldMk cId="0" sldId="279"/>
            <ac:spMk id="87" creationId="{00000000-0000-0000-0000-000000000000}"/>
          </ac:spMkLst>
        </pc:spChg>
        <pc:spChg chg="mod">
          <ac:chgData name="N L" userId="a0f86321d7a7d29e" providerId="LiveId" clId="{7E3AEB80-306C-4531-8C7C-E028975F4F93}" dt="2024-10-20T06:03:55.343" v="504" actId="2711"/>
          <ac:spMkLst>
            <pc:docMk/>
            <pc:sldMk cId="0" sldId="279"/>
            <ac:spMk id="88" creationId="{00000000-0000-0000-0000-000000000000}"/>
          </ac:spMkLst>
        </pc:spChg>
        <pc:spChg chg="mod">
          <ac:chgData name="N L" userId="a0f86321d7a7d29e" providerId="LiveId" clId="{7E3AEB80-306C-4531-8C7C-E028975F4F93}" dt="2024-10-20T06:40:47.169" v="508" actId="27636"/>
          <ac:spMkLst>
            <pc:docMk/>
            <pc:sldMk cId="0" sldId="279"/>
            <ac:spMk id="90" creationId="{00000000-0000-0000-0000-000000000000}"/>
          </ac:spMkLst>
        </pc:spChg>
        <pc:spChg chg="mod">
          <ac:chgData name="N L" userId="a0f86321d7a7d29e" providerId="LiveId" clId="{7E3AEB80-306C-4531-8C7C-E028975F4F93}" dt="2024-10-20T06:03:27.165" v="500" actId="2711"/>
          <ac:spMkLst>
            <pc:docMk/>
            <pc:sldMk cId="0" sldId="279"/>
            <ac:spMk id="91" creationId="{00000000-0000-0000-0000-000000000000}"/>
          </ac:spMkLst>
        </pc:spChg>
        <pc:graphicFrameChg chg="mod modGraphic">
          <ac:chgData name="N L" userId="a0f86321d7a7d29e" providerId="LiveId" clId="{7E3AEB80-306C-4531-8C7C-E028975F4F93}" dt="2024-10-20T06:02:41.700" v="495" actId="14100"/>
          <ac:graphicFrameMkLst>
            <pc:docMk/>
            <pc:sldMk cId="0" sldId="279"/>
            <ac:graphicFrameMk id="89" creationId="{00000000-0000-0000-0000-000000000000}"/>
          </ac:graphicFrameMkLst>
        </pc:graphicFrameChg>
      </pc:sldChg>
    </pc:docChg>
  </pc:docChgLst>
  <pc:docChgLst>
    <pc:chgData name="N L" userId="a0f86321d7a7d29e" providerId="LiveId" clId="{7BA34469-910D-474B-98A1-6C5F2957DD16}"/>
    <pc:docChg chg="custSel modSld">
      <pc:chgData name="N L" userId="a0f86321d7a7d29e" providerId="LiveId" clId="{7BA34469-910D-474B-98A1-6C5F2957DD16}" dt="2025-01-08T13:49:01.486" v="191" actId="1076"/>
      <pc:docMkLst>
        <pc:docMk/>
      </pc:docMkLst>
      <pc:sldChg chg="modSp mod">
        <pc:chgData name="N L" userId="a0f86321d7a7d29e" providerId="LiveId" clId="{7BA34469-910D-474B-98A1-6C5F2957DD16}" dt="2025-01-08T13:43:28.290" v="14" actId="20577"/>
        <pc:sldMkLst>
          <pc:docMk/>
          <pc:sldMk cId="3767711167" sldId="258"/>
        </pc:sldMkLst>
        <pc:spChg chg="mod">
          <ac:chgData name="N L" userId="a0f86321d7a7d29e" providerId="LiveId" clId="{7BA34469-910D-474B-98A1-6C5F2957DD16}" dt="2025-01-08T13:43:28.290" v="14" actId="20577"/>
          <ac:spMkLst>
            <pc:docMk/>
            <pc:sldMk cId="3767711167" sldId="258"/>
            <ac:spMk id="3" creationId="{00000000-0000-0000-0000-000000000000}"/>
          </ac:spMkLst>
        </pc:spChg>
      </pc:sldChg>
      <pc:sldChg chg="modSp mod">
        <pc:chgData name="N L" userId="a0f86321d7a7d29e" providerId="LiveId" clId="{7BA34469-910D-474B-98A1-6C5F2957DD16}" dt="2025-01-08T13:43:50.763" v="28" actId="20577"/>
        <pc:sldMkLst>
          <pc:docMk/>
          <pc:sldMk cId="2666729557" sldId="260"/>
        </pc:sldMkLst>
        <pc:spChg chg="mod">
          <ac:chgData name="N L" userId="a0f86321d7a7d29e" providerId="LiveId" clId="{7BA34469-910D-474B-98A1-6C5F2957DD16}" dt="2025-01-08T13:43:50.763" v="28" actId="20577"/>
          <ac:spMkLst>
            <pc:docMk/>
            <pc:sldMk cId="2666729557" sldId="260"/>
            <ac:spMk id="3" creationId="{00000000-0000-0000-0000-000000000000}"/>
          </ac:spMkLst>
        </pc:spChg>
      </pc:sldChg>
      <pc:sldChg chg="modSp mod">
        <pc:chgData name="N L" userId="a0f86321d7a7d29e" providerId="LiveId" clId="{7BA34469-910D-474B-98A1-6C5F2957DD16}" dt="2025-01-08T13:47:23.872" v="181" actId="20577"/>
        <pc:sldMkLst>
          <pc:docMk/>
          <pc:sldMk cId="1923928155" sldId="263"/>
        </pc:sldMkLst>
        <pc:spChg chg="mod">
          <ac:chgData name="N L" userId="a0f86321d7a7d29e" providerId="LiveId" clId="{7BA34469-910D-474B-98A1-6C5F2957DD16}" dt="2025-01-08T13:47:23.872" v="181" actId="20577"/>
          <ac:spMkLst>
            <pc:docMk/>
            <pc:sldMk cId="1923928155" sldId="263"/>
            <ac:spMk id="3" creationId="{00000000-0000-0000-0000-000000000000}"/>
          </ac:spMkLst>
        </pc:spChg>
      </pc:sldChg>
      <pc:sldChg chg="modSp mod">
        <pc:chgData name="N L" userId="a0f86321d7a7d29e" providerId="LiveId" clId="{7BA34469-910D-474B-98A1-6C5F2957DD16}" dt="2025-01-08T13:48:11.982" v="185" actId="20577"/>
        <pc:sldMkLst>
          <pc:docMk/>
          <pc:sldMk cId="2238571193" sldId="264"/>
        </pc:sldMkLst>
        <pc:spChg chg="mod">
          <ac:chgData name="N L" userId="a0f86321d7a7d29e" providerId="LiveId" clId="{7BA34469-910D-474B-98A1-6C5F2957DD16}" dt="2025-01-08T13:48:11.982" v="185" actId="20577"/>
          <ac:spMkLst>
            <pc:docMk/>
            <pc:sldMk cId="2238571193" sldId="264"/>
            <ac:spMk id="3" creationId="{00000000-0000-0000-0000-000000000000}"/>
          </ac:spMkLst>
        </pc:spChg>
      </pc:sldChg>
      <pc:sldChg chg="modSp mod">
        <pc:chgData name="N L" userId="a0f86321d7a7d29e" providerId="LiveId" clId="{7BA34469-910D-474B-98A1-6C5F2957DD16}" dt="2025-01-08T13:48:22.886" v="186" actId="404"/>
        <pc:sldMkLst>
          <pc:docMk/>
          <pc:sldMk cId="3613863315" sldId="265"/>
        </pc:sldMkLst>
        <pc:spChg chg="mod">
          <ac:chgData name="N L" userId="a0f86321d7a7d29e" providerId="LiveId" clId="{7BA34469-910D-474B-98A1-6C5F2957DD16}" dt="2025-01-08T13:48:22.886" v="186" actId="404"/>
          <ac:spMkLst>
            <pc:docMk/>
            <pc:sldMk cId="3613863315" sldId="265"/>
            <ac:spMk id="4" creationId="{CED7B48F-8B91-CFA9-CF9C-E4341C01F044}"/>
          </ac:spMkLst>
        </pc:spChg>
      </pc:sldChg>
      <pc:sldChg chg="addSp delSp modSp mod">
        <pc:chgData name="N L" userId="a0f86321d7a7d29e" providerId="LiveId" clId="{7BA34469-910D-474B-98A1-6C5F2957DD16}" dt="2025-01-08T13:45:15.194" v="35" actId="732"/>
        <pc:sldMkLst>
          <pc:docMk/>
          <pc:sldMk cId="2249459520" sldId="269"/>
        </pc:sldMkLst>
        <pc:spChg chg="add del mod">
          <ac:chgData name="N L" userId="a0f86321d7a7d29e" providerId="LiveId" clId="{7BA34469-910D-474B-98A1-6C5F2957DD16}" dt="2025-01-08T13:44:59.672" v="32" actId="478"/>
          <ac:spMkLst>
            <pc:docMk/>
            <pc:sldMk cId="2249459520" sldId="269"/>
            <ac:spMk id="6" creationId="{76DC83A8-85A7-A74C-F3FD-BC0F41975435}"/>
          </ac:spMkLst>
        </pc:spChg>
        <pc:picChg chg="add mod modCrop">
          <ac:chgData name="N L" userId="a0f86321d7a7d29e" providerId="LiveId" clId="{7BA34469-910D-474B-98A1-6C5F2957DD16}" dt="2025-01-08T13:45:15.194" v="35" actId="732"/>
          <ac:picMkLst>
            <pc:docMk/>
            <pc:sldMk cId="2249459520" sldId="269"/>
            <ac:picMk id="3" creationId="{69BBB7F3-7D69-E203-C271-C0C0205B73AF}"/>
          </ac:picMkLst>
        </pc:picChg>
        <pc:picChg chg="del">
          <ac:chgData name="N L" userId="a0f86321d7a7d29e" providerId="LiveId" clId="{7BA34469-910D-474B-98A1-6C5F2957DD16}" dt="2025-01-08T13:44:53.566" v="30" actId="478"/>
          <ac:picMkLst>
            <pc:docMk/>
            <pc:sldMk cId="2249459520" sldId="269"/>
            <ac:picMk id="4" creationId="{236AD45E-4817-4412-1CA0-8AACEF5574CE}"/>
          </ac:picMkLst>
        </pc:picChg>
      </pc:sldChg>
      <pc:sldChg chg="addSp delSp modSp mod">
        <pc:chgData name="N L" userId="a0f86321d7a7d29e" providerId="LiveId" clId="{7BA34469-910D-474B-98A1-6C5F2957DD16}" dt="2025-01-08T13:49:01.486" v="191" actId="1076"/>
        <pc:sldMkLst>
          <pc:docMk/>
          <pc:sldMk cId="3795449471" sldId="274"/>
        </pc:sldMkLst>
        <pc:spChg chg="add mod">
          <ac:chgData name="N L" userId="a0f86321d7a7d29e" providerId="LiveId" clId="{7BA34469-910D-474B-98A1-6C5F2957DD16}" dt="2025-01-08T13:49:01.486" v="191" actId="1076"/>
          <ac:spMkLst>
            <pc:docMk/>
            <pc:sldMk cId="3795449471" sldId="274"/>
            <ac:spMk id="5" creationId="{18B8C965-2FB7-67E6-1794-E3612D3D8B2E}"/>
          </ac:spMkLst>
        </pc:spChg>
        <pc:picChg chg="del">
          <ac:chgData name="N L" userId="a0f86321d7a7d29e" providerId="LiveId" clId="{7BA34469-910D-474B-98A1-6C5F2957DD16}" dt="2025-01-08T13:48:37.836" v="189" actId="478"/>
          <ac:picMkLst>
            <pc:docMk/>
            <pc:sldMk cId="3795449471" sldId="274"/>
            <ac:picMk id="8" creationId="{90DEF78C-A0C4-EB04-02C4-4052E05259EB}"/>
          </ac:picMkLst>
        </pc:picChg>
      </pc:sldChg>
      <pc:sldChg chg="modSp mod">
        <pc:chgData name="N L" userId="a0f86321d7a7d29e" providerId="LiveId" clId="{7BA34469-910D-474B-98A1-6C5F2957DD16}" dt="2025-01-08T13:43:35.863" v="19" actId="20577"/>
        <pc:sldMkLst>
          <pc:docMk/>
          <pc:sldMk cId="1637666217" sldId="276"/>
        </pc:sldMkLst>
        <pc:spChg chg="mod">
          <ac:chgData name="N L" userId="a0f86321d7a7d29e" providerId="LiveId" clId="{7BA34469-910D-474B-98A1-6C5F2957DD16}" dt="2025-01-08T13:43:35.863" v="19" actId="20577"/>
          <ac:spMkLst>
            <pc:docMk/>
            <pc:sldMk cId="1637666217" sldId="276"/>
            <ac:spMk id="3" creationId="{6B8BBEEA-9AE3-9AD1-DBF4-A2CC98EF1B9B}"/>
          </ac:spMkLst>
        </pc:spChg>
      </pc:sldChg>
      <pc:sldChg chg="modSp mod">
        <pc:chgData name="N L" userId="a0f86321d7a7d29e" providerId="LiveId" clId="{7BA34469-910D-474B-98A1-6C5F2957DD16}" dt="2025-01-08T13:46:38.971" v="134" actId="5793"/>
        <pc:sldMkLst>
          <pc:docMk/>
          <pc:sldMk cId="825552305" sldId="277"/>
        </pc:sldMkLst>
        <pc:spChg chg="mod">
          <ac:chgData name="N L" userId="a0f86321d7a7d29e" providerId="LiveId" clId="{7BA34469-910D-474B-98A1-6C5F2957DD16}" dt="2025-01-08T13:46:38.971" v="134" actId="5793"/>
          <ac:spMkLst>
            <pc:docMk/>
            <pc:sldMk cId="825552305" sldId="277"/>
            <ac:spMk id="3" creationId="{15C84BCC-0DB1-FDE0-3402-D7F5BF535CDB}"/>
          </ac:spMkLst>
        </pc:spChg>
      </pc:sldChg>
      <pc:sldChg chg="modSp mod">
        <pc:chgData name="N L" userId="a0f86321d7a7d29e" providerId="LiveId" clId="{7BA34469-910D-474B-98A1-6C5F2957DD16}" dt="2025-01-08T13:48:31.996" v="188" actId="20577"/>
        <pc:sldMkLst>
          <pc:docMk/>
          <pc:sldMk cId="3776723221" sldId="278"/>
        </pc:sldMkLst>
        <pc:spChg chg="mod">
          <ac:chgData name="N L" userId="a0f86321d7a7d29e" providerId="LiveId" clId="{7BA34469-910D-474B-98A1-6C5F2957DD16}" dt="2025-01-08T13:48:31.996" v="188" actId="20577"/>
          <ac:spMkLst>
            <pc:docMk/>
            <pc:sldMk cId="3776723221" sldId="278"/>
            <ac:spMk id="3" creationId="{32CF92AC-8569-4A47-3F95-774F6D1B6420}"/>
          </ac:spMkLst>
        </pc:spChg>
      </pc:sldChg>
      <pc:sldChg chg="modSp mod">
        <pc:chgData name="N L" userId="a0f86321d7a7d29e" providerId="LiveId" clId="{7BA34469-910D-474B-98A1-6C5F2957DD16}" dt="2025-01-08T13:43:42.165" v="23" actId="20577"/>
        <pc:sldMkLst>
          <pc:docMk/>
          <pc:sldMk cId="11366198" sldId="280"/>
        </pc:sldMkLst>
        <pc:spChg chg="mod">
          <ac:chgData name="N L" userId="a0f86321d7a7d29e" providerId="LiveId" clId="{7BA34469-910D-474B-98A1-6C5F2957DD16}" dt="2025-01-08T13:43:42.165" v="23" actId="20577"/>
          <ac:spMkLst>
            <pc:docMk/>
            <pc:sldMk cId="11366198" sldId="280"/>
            <ac:spMk id="3" creationId="{9FC4FFAC-EE1D-A9E5-546B-592D251AEDE5}"/>
          </ac:spMkLst>
        </pc:spChg>
      </pc:sldChg>
    </pc:docChg>
  </pc:docChgLst>
  <pc:docChgLst>
    <pc:chgData name="N L" userId="a0f86321d7a7d29e" providerId="LiveId" clId="{3CC4F2E8-12F3-4014-832A-8DAE5FA413CD}"/>
    <pc:docChg chg="undo custSel addSld delSld modSld sldOrd">
      <pc:chgData name="N L" userId="a0f86321d7a7d29e" providerId="LiveId" clId="{3CC4F2E8-12F3-4014-832A-8DAE5FA413CD}" dt="2024-10-14T15:19:55.935" v="1150" actId="1076"/>
      <pc:docMkLst>
        <pc:docMk/>
      </pc:docMkLst>
      <pc:sldChg chg="addSp modSp mod">
        <pc:chgData name="N L" userId="a0f86321d7a7d29e" providerId="LiveId" clId="{3CC4F2E8-12F3-4014-832A-8DAE5FA413CD}" dt="2024-10-13T07:12:25.001" v="53" actId="20577"/>
        <pc:sldMkLst>
          <pc:docMk/>
          <pc:sldMk cId="3122649492" sldId="256"/>
        </pc:sldMkLst>
      </pc:sldChg>
      <pc:sldChg chg="modSp mod">
        <pc:chgData name="N L" userId="a0f86321d7a7d29e" providerId="LiveId" clId="{3CC4F2E8-12F3-4014-832A-8DAE5FA413CD}" dt="2024-10-13T08:15:35.972" v="644" actId="20577"/>
        <pc:sldMkLst>
          <pc:docMk/>
          <pc:sldMk cId="3633487232" sldId="257"/>
        </pc:sldMkLst>
        <pc:spChg chg="mod">
          <ac:chgData name="N L" userId="a0f86321d7a7d29e" providerId="LiveId" clId="{3CC4F2E8-12F3-4014-832A-8DAE5FA413CD}" dt="2024-10-13T08:15:35.972" v="644" actId="20577"/>
          <ac:spMkLst>
            <pc:docMk/>
            <pc:sldMk cId="3633487232" sldId="257"/>
            <ac:spMk id="3" creationId="{00000000-0000-0000-0000-000000000000}"/>
          </ac:spMkLst>
        </pc:spChg>
      </pc:sldChg>
      <pc:sldChg chg="modSp mod">
        <pc:chgData name="N L" userId="a0f86321d7a7d29e" providerId="LiveId" clId="{3CC4F2E8-12F3-4014-832A-8DAE5FA413CD}" dt="2024-10-13T08:08:54.061" v="592" actId="27636"/>
        <pc:sldMkLst>
          <pc:docMk/>
          <pc:sldMk cId="3767711167" sldId="258"/>
        </pc:sldMkLst>
        <pc:spChg chg="mod">
          <ac:chgData name="N L" userId="a0f86321d7a7d29e" providerId="LiveId" clId="{3CC4F2E8-12F3-4014-832A-8DAE5FA413CD}" dt="2024-10-13T08:08:54.061" v="592" actId="27636"/>
          <ac:spMkLst>
            <pc:docMk/>
            <pc:sldMk cId="3767711167" sldId="258"/>
            <ac:spMk id="3" creationId="{00000000-0000-0000-0000-000000000000}"/>
          </ac:spMkLst>
        </pc:spChg>
      </pc:sldChg>
      <pc:sldChg chg="addSp delSp modSp mod">
        <pc:chgData name="N L" userId="a0f86321d7a7d29e" providerId="LiveId" clId="{3CC4F2E8-12F3-4014-832A-8DAE5FA413CD}" dt="2024-10-14T14:22:31.312" v="945" actId="255"/>
        <pc:sldMkLst>
          <pc:docMk/>
          <pc:sldMk cId="2659618667" sldId="259"/>
        </pc:sldMkLst>
        <pc:spChg chg="mod">
          <ac:chgData name="N L" userId="a0f86321d7a7d29e" providerId="LiveId" clId="{3CC4F2E8-12F3-4014-832A-8DAE5FA413CD}" dt="2024-10-13T07:30:19.332" v="196" actId="1076"/>
          <ac:spMkLst>
            <pc:docMk/>
            <pc:sldMk cId="2659618667" sldId="259"/>
            <ac:spMk id="2" creationId="{00000000-0000-0000-0000-000000000000}"/>
          </ac:spMkLst>
        </pc:spChg>
        <pc:graphicFrameChg chg="add mod modGraphic">
          <ac:chgData name="N L" userId="a0f86321d7a7d29e" providerId="LiveId" clId="{3CC4F2E8-12F3-4014-832A-8DAE5FA413CD}" dt="2024-10-14T14:22:31.312" v="945" actId="255"/>
          <ac:graphicFrameMkLst>
            <pc:docMk/>
            <pc:sldMk cId="2659618667" sldId="259"/>
            <ac:graphicFrameMk id="13" creationId="{92B8A707-710B-8F59-CEB5-975B78AF4178}"/>
          </ac:graphicFrameMkLst>
        </pc:graphicFrameChg>
      </pc:sldChg>
      <pc:sldChg chg="modSp mod">
        <pc:chgData name="N L" userId="a0f86321d7a7d29e" providerId="LiveId" clId="{3CC4F2E8-12F3-4014-832A-8DAE5FA413CD}" dt="2024-10-14T14:21:42.666" v="933" actId="404"/>
        <pc:sldMkLst>
          <pc:docMk/>
          <pc:sldMk cId="2666729557" sldId="260"/>
        </pc:sldMkLst>
        <pc:spChg chg="mod">
          <ac:chgData name="N L" userId="a0f86321d7a7d29e" providerId="LiveId" clId="{3CC4F2E8-12F3-4014-832A-8DAE5FA413CD}" dt="2024-10-14T14:21:42.666" v="933" actId="404"/>
          <ac:spMkLst>
            <pc:docMk/>
            <pc:sldMk cId="2666729557" sldId="260"/>
            <ac:spMk id="3" creationId="{00000000-0000-0000-0000-000000000000}"/>
          </ac:spMkLst>
        </pc:spChg>
      </pc:sldChg>
      <pc:sldChg chg="addSp delSp modSp mod">
        <pc:chgData name="N L" userId="a0f86321d7a7d29e" providerId="LiveId" clId="{3CC4F2E8-12F3-4014-832A-8DAE5FA413CD}" dt="2024-10-14T14:38:06.882" v="1095" actId="20577"/>
        <pc:sldMkLst>
          <pc:docMk/>
          <pc:sldMk cId="2314944744" sldId="261"/>
        </pc:sldMkLst>
        <pc:spChg chg="mod">
          <ac:chgData name="N L" userId="a0f86321d7a7d29e" providerId="LiveId" clId="{3CC4F2E8-12F3-4014-832A-8DAE5FA413CD}" dt="2024-10-14T14:38:06.882" v="1095" actId="20577"/>
          <ac:spMkLst>
            <pc:docMk/>
            <pc:sldMk cId="2314944744" sldId="261"/>
            <ac:spMk id="2" creationId="{00000000-0000-0000-0000-000000000000}"/>
          </ac:spMkLst>
        </pc:spChg>
        <pc:spChg chg="add mod">
          <ac:chgData name="N L" userId="a0f86321d7a7d29e" providerId="LiveId" clId="{3CC4F2E8-12F3-4014-832A-8DAE5FA413CD}" dt="2024-10-13T08:14:50.337" v="638" actId="2711"/>
          <ac:spMkLst>
            <pc:docMk/>
            <pc:sldMk cId="2314944744" sldId="261"/>
            <ac:spMk id="9" creationId="{354469EB-FC21-F10A-D71F-242C7F05CBBB}"/>
          </ac:spMkLst>
        </pc:spChg>
        <pc:picChg chg="add mod">
          <ac:chgData name="N L" userId="a0f86321d7a7d29e" providerId="LiveId" clId="{3CC4F2E8-12F3-4014-832A-8DAE5FA413CD}" dt="2024-10-13T07:41:00.344" v="307" actId="1076"/>
          <ac:picMkLst>
            <pc:docMk/>
            <pc:sldMk cId="2314944744" sldId="261"/>
            <ac:picMk id="5" creationId="{440DA5F1-FC9B-7091-68C3-8CF1561FA939}"/>
          </ac:picMkLst>
        </pc:picChg>
      </pc:sldChg>
      <pc:sldChg chg="addSp delSp del mod">
        <pc:chgData name="N L" userId="a0f86321d7a7d29e" providerId="LiveId" clId="{3CC4F2E8-12F3-4014-832A-8DAE5FA413CD}" dt="2024-10-14T14:29:44.296" v="1087" actId="2696"/>
        <pc:sldMkLst>
          <pc:docMk/>
          <pc:sldMk cId="3677332887" sldId="262"/>
        </pc:sldMkLst>
      </pc:sldChg>
      <pc:sldChg chg="addSp delSp modSp new mod">
        <pc:chgData name="N L" userId="a0f86321d7a7d29e" providerId="LiveId" clId="{3CC4F2E8-12F3-4014-832A-8DAE5FA413CD}" dt="2024-10-13T07:30:30.834" v="198" actId="14100"/>
        <pc:sldMkLst>
          <pc:docMk/>
          <pc:sldMk cId="2987530027" sldId="267"/>
        </pc:sldMkLst>
        <pc:spChg chg="mod">
          <ac:chgData name="N L" userId="a0f86321d7a7d29e" providerId="LiveId" clId="{3CC4F2E8-12F3-4014-832A-8DAE5FA413CD}" dt="2024-10-13T07:20:56.761" v="121"/>
          <ac:spMkLst>
            <pc:docMk/>
            <pc:sldMk cId="2987530027" sldId="267"/>
            <ac:spMk id="2" creationId="{87EF43C9-E096-DA2E-459E-A4C8950150F7}"/>
          </ac:spMkLst>
        </pc:spChg>
        <pc:graphicFrameChg chg="add mod modGraphic">
          <ac:chgData name="N L" userId="a0f86321d7a7d29e" providerId="LiveId" clId="{3CC4F2E8-12F3-4014-832A-8DAE5FA413CD}" dt="2024-10-13T07:30:30.834" v="198" actId="14100"/>
          <ac:graphicFrameMkLst>
            <pc:docMk/>
            <pc:sldMk cId="2987530027" sldId="267"/>
            <ac:graphicFrameMk id="4" creationId="{88D726A3-1BE6-2551-4985-FAAC7F3DF0E4}"/>
          </ac:graphicFrameMkLst>
        </pc:graphicFrameChg>
      </pc:sldChg>
      <pc:sldChg chg="addSp delSp modSp new del mod">
        <pc:chgData name="N L" userId="a0f86321d7a7d29e" providerId="LiveId" clId="{3CC4F2E8-12F3-4014-832A-8DAE5FA413CD}" dt="2024-10-14T14:12:12.525" v="806" actId="2696"/>
        <pc:sldMkLst>
          <pc:docMk/>
          <pc:sldMk cId="242363815" sldId="268"/>
        </pc:sldMkLst>
      </pc:sldChg>
      <pc:sldChg chg="modSp add mod">
        <pc:chgData name="N L" userId="a0f86321d7a7d29e" providerId="LiveId" clId="{3CC4F2E8-12F3-4014-832A-8DAE5FA413CD}" dt="2024-10-14T14:23:30.504" v="947" actId="20577"/>
        <pc:sldMkLst>
          <pc:docMk/>
          <pc:sldMk cId="2856357337" sldId="268"/>
        </pc:sldMkLst>
        <pc:spChg chg="mod">
          <ac:chgData name="N L" userId="a0f86321d7a7d29e" providerId="LiveId" clId="{3CC4F2E8-12F3-4014-832A-8DAE5FA413CD}" dt="2024-10-14T14:23:30.504" v="947" actId="20577"/>
          <ac:spMkLst>
            <pc:docMk/>
            <pc:sldMk cId="2856357337" sldId="268"/>
            <ac:spMk id="5" creationId="{00000000-0000-0000-0000-000000000000}"/>
          </ac:spMkLst>
        </pc:spChg>
      </pc:sldChg>
      <pc:sldChg chg="addSp delSp modSp new mod">
        <pc:chgData name="N L" userId="a0f86321d7a7d29e" providerId="LiveId" clId="{3CC4F2E8-12F3-4014-832A-8DAE5FA413CD}" dt="2024-10-14T14:11:50.294" v="805" actId="21"/>
        <pc:sldMkLst>
          <pc:docMk/>
          <pc:sldMk cId="2249459520" sldId="269"/>
        </pc:sldMkLst>
        <pc:spChg chg="mod">
          <ac:chgData name="N L" userId="a0f86321d7a7d29e" providerId="LiveId" clId="{3CC4F2E8-12F3-4014-832A-8DAE5FA413CD}" dt="2024-10-14T14:04:59.785" v="657" actId="20577"/>
          <ac:spMkLst>
            <pc:docMk/>
            <pc:sldMk cId="2249459520" sldId="269"/>
            <ac:spMk id="2" creationId="{A49B28A5-9F1D-C1E9-3190-C6005FE0BEBF}"/>
          </ac:spMkLst>
        </pc:spChg>
      </pc:sldChg>
      <pc:sldChg chg="addSp modSp add mod ord">
        <pc:chgData name="N L" userId="a0f86321d7a7d29e" providerId="LiveId" clId="{3CC4F2E8-12F3-4014-832A-8DAE5FA413CD}" dt="2024-10-14T15:16:08.243" v="1130" actId="1076"/>
        <pc:sldMkLst>
          <pc:docMk/>
          <pc:sldMk cId="3795449471" sldId="274"/>
        </pc:sldMkLst>
        <pc:spChg chg="mod">
          <ac:chgData name="N L" userId="a0f86321d7a7d29e" providerId="LiveId" clId="{3CC4F2E8-12F3-4014-832A-8DAE5FA413CD}" dt="2024-10-14T15:15:34.428" v="1127" actId="14100"/>
          <ac:spMkLst>
            <pc:docMk/>
            <pc:sldMk cId="3795449471" sldId="274"/>
            <ac:spMk id="6" creationId="{EA944A2A-59CE-0D28-76C1-2B1B38111B31}"/>
          </ac:spMkLst>
        </pc:spChg>
        <pc:picChg chg="mod modCrop">
          <ac:chgData name="N L" userId="a0f86321d7a7d29e" providerId="LiveId" clId="{3CC4F2E8-12F3-4014-832A-8DAE5FA413CD}" dt="2024-10-14T15:15:48.631" v="1129" actId="14100"/>
          <ac:picMkLst>
            <pc:docMk/>
            <pc:sldMk cId="3795449471" sldId="274"/>
            <ac:picMk id="8" creationId="{90DEF78C-A0C4-EB04-02C4-4052E05259EB}"/>
          </ac:picMkLst>
        </pc:picChg>
        <pc:picChg chg="add mod">
          <ac:chgData name="N L" userId="a0f86321d7a7d29e" providerId="LiveId" clId="{3CC4F2E8-12F3-4014-832A-8DAE5FA413CD}" dt="2024-10-14T15:16:08.243" v="1130" actId="1076"/>
          <ac:picMkLst>
            <pc:docMk/>
            <pc:sldMk cId="3795449471" sldId="274"/>
            <ac:picMk id="1026" creationId="{1A469FF9-30A7-4AAB-0236-38D1992709FD}"/>
          </ac:picMkLst>
        </pc:picChg>
      </pc:sldChg>
      <pc:sldChg chg="addSp delSp modSp add mod">
        <pc:chgData name="N L" userId="a0f86321d7a7d29e" providerId="LiveId" clId="{3CC4F2E8-12F3-4014-832A-8DAE5FA413CD}" dt="2024-10-14T15:19:55.935" v="1150" actId="1076"/>
        <pc:sldMkLst>
          <pc:docMk/>
          <pc:sldMk cId="4243237983" sldId="275"/>
        </pc:sldMkLst>
        <pc:spChg chg="add mod">
          <ac:chgData name="N L" userId="a0f86321d7a7d29e" providerId="LiveId" clId="{3CC4F2E8-12F3-4014-832A-8DAE5FA413CD}" dt="2024-10-14T14:27:47.508" v="1042" actId="1076"/>
          <ac:spMkLst>
            <pc:docMk/>
            <pc:sldMk cId="4243237983" sldId="275"/>
            <ac:spMk id="19" creationId="{EFFCDB1C-3643-90FF-CFCB-186D32D7A3B6}"/>
          </ac:spMkLst>
        </pc:spChg>
      </pc:sldChg>
      <pc:sldChg chg="modSp add mod">
        <pc:chgData name="N L" userId="a0f86321d7a7d29e" providerId="LiveId" clId="{3CC4F2E8-12F3-4014-832A-8DAE5FA413CD}" dt="2024-10-14T14:21:36.326" v="932" actId="403"/>
        <pc:sldMkLst>
          <pc:docMk/>
          <pc:sldMk cId="1637666217" sldId="276"/>
        </pc:sldMkLst>
        <pc:spChg chg="mod">
          <ac:chgData name="N L" userId="a0f86321d7a7d29e" providerId="LiveId" clId="{3CC4F2E8-12F3-4014-832A-8DAE5FA413CD}" dt="2024-10-14T14:21:36.326" v="932" actId="403"/>
          <ac:spMkLst>
            <pc:docMk/>
            <pc:sldMk cId="1637666217" sldId="276"/>
            <ac:spMk id="3" creationId="{6B8BBEEA-9AE3-9AD1-DBF4-A2CC98EF1B9B}"/>
          </ac:spMkLst>
        </pc:spChg>
      </pc:sldChg>
      <pc:sldChg chg="modSp add mod">
        <pc:chgData name="N L" userId="a0f86321d7a7d29e" providerId="LiveId" clId="{3CC4F2E8-12F3-4014-832A-8DAE5FA413CD}" dt="2024-10-14T14:25:17.171" v="1023" actId="20577"/>
        <pc:sldMkLst>
          <pc:docMk/>
          <pc:sldMk cId="825552305" sldId="277"/>
        </pc:sldMkLst>
        <pc:spChg chg="mod">
          <ac:chgData name="N L" userId="a0f86321d7a7d29e" providerId="LiveId" clId="{3CC4F2E8-12F3-4014-832A-8DAE5FA413CD}" dt="2024-10-14T14:24:21.308" v="959" actId="20577"/>
          <ac:spMkLst>
            <pc:docMk/>
            <pc:sldMk cId="825552305" sldId="277"/>
            <ac:spMk id="2" creationId="{941B97FD-7A7C-F5A7-82F8-E665F49E37A5}"/>
          </ac:spMkLst>
        </pc:spChg>
        <pc:spChg chg="mod">
          <ac:chgData name="N L" userId="a0f86321d7a7d29e" providerId="LiveId" clId="{3CC4F2E8-12F3-4014-832A-8DAE5FA413CD}" dt="2024-10-14T14:25:17.171" v="1023" actId="20577"/>
          <ac:spMkLst>
            <pc:docMk/>
            <pc:sldMk cId="825552305" sldId="277"/>
            <ac:spMk id="3" creationId="{15C84BCC-0DB1-FDE0-3402-D7F5BF535CDB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2B008E-2CA4-4D34-A7B8-D3B181EEC995}" type="datetimeFigureOut">
              <a:rPr lang="en-IN" smtClean="0"/>
              <a:t>08-01-2025</a:t>
            </a:fld>
            <a:endParaRPr lang="en-IN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IN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N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IN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A5BFC15-4240-49DE-A6FC-4D242898D70F}" type="slidenum">
              <a:rPr lang="en-IN" smtClean="0"/>
              <a:t>‹#›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92968734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" name="Google Shape;84;p1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5" name="Google Shape;85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140805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Google Shape;111;p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2" name="Google Shape;112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667165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0877" y="1322386"/>
            <a:ext cx="10363200" cy="1470025"/>
          </a:xfrm>
        </p:spPr>
        <p:txBody>
          <a:bodyPr/>
          <a:lstStyle>
            <a:lvl1pPr>
              <a:defRPr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032000" y="3326641"/>
            <a:ext cx="8534400" cy="1752600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tx2">
                    <a:lumMod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679971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261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41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41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8300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09145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64180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87864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9368" y="304800"/>
            <a:ext cx="10668000" cy="487362"/>
          </a:xfrm>
        </p:spPr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16335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60800" y="274638"/>
            <a:ext cx="7721600" cy="48736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  <p:pic>
        <p:nvPicPr>
          <p:cNvPr id="2051" name="Picture 3" descr="C:\Users\AMMU\Desktop\Border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05209" y="139874"/>
            <a:ext cx="9686793" cy="6983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620228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9718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15644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45951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12800" y="274638"/>
            <a:ext cx="10668000" cy="48736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12800" y="1143001"/>
            <a:ext cx="10668000" cy="495299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fld id="{4994CE30-7D40-4BC0-BA0D-56C992D5B4BD}" type="datetimeFigureOut">
              <a:rPr lang="en-GB" smtClean="0"/>
              <a:t>08/01/2025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fld id="{1BCD3F7E-62B3-4FB9-95CE-D1B0CC271B85}" type="slidenum">
              <a:rPr lang="en-GB" smtClean="0"/>
              <a:t>‹#›</a:t>
            </a:fld>
            <a:endParaRPr lang="en-GB"/>
          </a:p>
        </p:txBody>
      </p:sp>
      <p:sp>
        <p:nvSpPr>
          <p:cNvPr id="8" name="Line 6">
            <a:extLst>
              <a:ext uri="{FF2B5EF4-FFF2-40B4-BE49-F238E27FC236}">
                <a16:creationId xmlns:a16="http://schemas.microsoft.com/office/drawing/2014/main" id="{3F0EAE8F-8B4C-436F-93E6-DF250930561C}"/>
              </a:ext>
            </a:extLst>
          </p:cNvPr>
          <p:cNvSpPr>
            <a:spLocks noChangeShapeType="1"/>
          </p:cNvSpPr>
          <p:nvPr/>
        </p:nvSpPr>
        <p:spPr bwMode="auto">
          <a:xfrm>
            <a:off x="812800" y="914400"/>
            <a:ext cx="10668000" cy="0"/>
          </a:xfrm>
          <a:prstGeom prst="line">
            <a:avLst/>
          </a:prstGeom>
          <a:noFill/>
          <a:ln w="57150" cmpd="thickThin">
            <a:solidFill>
              <a:schemeClr val="tx1"/>
            </a:solidFill>
            <a:round/>
            <a:headEnd/>
            <a:tailEnd/>
          </a:ln>
          <a:effectLst/>
        </p:spPr>
        <p:txBody>
          <a:bodyPr/>
          <a:lstStyle/>
          <a:p>
            <a:pPr>
              <a:defRPr/>
            </a:pPr>
            <a:endParaRPr lang="en-IN" sz="1800"/>
          </a:p>
        </p:txBody>
      </p:sp>
      <p:pic>
        <p:nvPicPr>
          <p:cNvPr id="7" name="Picture 7">
            <a:extLst>
              <a:ext uri="{FF2B5EF4-FFF2-40B4-BE49-F238E27FC236}">
                <a16:creationId xmlns:a16="http://schemas.microsoft.com/office/drawing/2014/main" id="{F5847C07-33FE-4652-A9FD-CD40E657B784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045"/>
          <a:stretch/>
        </p:blipFill>
        <p:spPr bwMode="auto">
          <a:xfrm>
            <a:off x="0" y="5991366"/>
            <a:ext cx="12192000" cy="8666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648401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spcBef>
          <a:spcPct val="0"/>
        </a:spcBef>
        <a:buNone/>
        <a:defRPr sz="2800" b="1" kern="1200">
          <a:solidFill>
            <a:srgbClr val="FF0000"/>
          </a:solidFill>
          <a:latin typeface="Verdana" pitchFamily="34" charset="0"/>
          <a:ea typeface="Verdana" pitchFamily="34" charset="0"/>
          <a:cs typeface="Verdana" pitchFamily="34" charset="0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16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1600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5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Nishalokesh/Capstone_Project.git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jcrt.org/IJCRT2312749" TargetMode="External"/><Relationship Id="rId2" Type="http://schemas.openxmlformats.org/officeDocument/2006/relationships/hyperlink" Target="https://arxiv.org/abs/2012.01976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016/j.ijmedinf.2019.104073" TargetMode="External"/><Relationship Id="rId5" Type="http://schemas.openxmlformats.org/officeDocument/2006/relationships/hyperlink" Target="https://doi.org/10.56726/IRJMETS48246" TargetMode="External"/><Relationship Id="rId4" Type="http://schemas.openxmlformats.org/officeDocument/2006/relationships/hyperlink" Target="https://doi.org/10.1093/jamia/ocaa159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21203/rs.3.rs-1738458/v1&amp;#8203;:contentReference[oaicite:1" TargetMode="External"/><Relationship Id="rId2" Type="http://schemas.openxmlformats.org/officeDocument/2006/relationships/hyperlink" Target="https://doi.org/10.1109/ACCESS.2022.3142100&amp;#8203;:contentReference[oaicite:0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doi.org/10.1186/s12938-019-0718-2" TargetMode="External"/><Relationship Id="rId5" Type="http://schemas.openxmlformats.org/officeDocument/2006/relationships/hyperlink" Target="https://doi.org/10.1093/jamia/ocac212&amp;#8203;:contentReference[oaicite:0" TargetMode="External"/><Relationship Id="rId4" Type="http://schemas.openxmlformats.org/officeDocument/2006/relationships/hyperlink" Target="https://www.iaras.org/iaras/journals/ijcOei" TargetMode="Externa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p13"/>
          <p:cNvSpPr txBox="1">
            <a:spLocks noGrp="1"/>
          </p:cNvSpPr>
          <p:nvPr>
            <p:ph type="ctrTitle"/>
          </p:nvPr>
        </p:nvSpPr>
        <p:spPr>
          <a:xfrm>
            <a:off x="1455312" y="750277"/>
            <a:ext cx="9499090" cy="9219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800"/>
              <a:buFont typeface="Verdana"/>
              <a:buNone/>
            </a:pPr>
            <a:r>
              <a:rPr lang="en-GB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PATIENT CASE SIMILARITY</a:t>
            </a:r>
            <a:endParaRPr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sp>
        <p:nvSpPr>
          <p:cNvPr id="88" name="Google Shape;88;p13"/>
          <p:cNvSpPr txBox="1">
            <a:spLocks noGrp="1"/>
          </p:cNvSpPr>
          <p:nvPr>
            <p:ph type="subTitle" idx="1"/>
          </p:nvPr>
        </p:nvSpPr>
        <p:spPr>
          <a:xfrm>
            <a:off x="991591" y="1474684"/>
            <a:ext cx="3970500" cy="55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000"/>
              <a:buNone/>
            </a:pPr>
            <a:r>
              <a:rPr lang="en-GB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Batch Number : CDV-02</a:t>
            </a:r>
            <a:endParaRPr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lvl="0" indent="0" algn="l" rtl="0">
              <a:spcBef>
                <a:spcPts val="400"/>
              </a:spcBef>
              <a:spcAft>
                <a:spcPts val="0"/>
              </a:spcAft>
              <a:buClr>
                <a:srgbClr val="17365D"/>
              </a:buClr>
              <a:buSzPts val="2000"/>
              <a:buNone/>
            </a:pPr>
            <a:endParaRPr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graphicFrame>
        <p:nvGraphicFramePr>
          <p:cNvPr id="89" name="Google Shape;89;p13"/>
          <p:cNvGraphicFramePr/>
          <p:nvPr>
            <p:extLst>
              <p:ext uri="{D42A27DB-BD31-4B8C-83A1-F6EECF244321}">
                <p14:modId xmlns:p14="http://schemas.microsoft.com/office/powerpoint/2010/main" val="2462677530"/>
              </p:ext>
            </p:extLst>
          </p:nvPr>
        </p:nvGraphicFramePr>
        <p:xfrm>
          <a:off x="991591" y="1898728"/>
          <a:ext cx="5348919" cy="2205306"/>
        </p:xfrm>
        <a:graphic>
          <a:graphicData uri="http://schemas.openxmlformats.org/drawingml/2006/table">
            <a:tbl>
              <a:tblPr firstRow="1" bandRow="1">
                <a:tableStyleId>{22838BEF-8BB2-4498-84A7-C5851F593DF1}</a:tableStyleId>
              </a:tblPr>
              <a:tblGrid>
                <a:gridCol w="205816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29075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67551">
                <a:tc>
                  <a:txBody>
                    <a:bodyPr/>
                    <a:lstStyle/>
                    <a:p>
                      <a:pPr marL="0" marR="0" lvl="1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800" b="1" u="none" strike="noStrike" cap="none" dirty="0">
                          <a:solidFill>
                            <a:srgbClr val="17365D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oll Number</a:t>
                      </a:r>
                      <a:endParaRPr sz="1800" b="1" u="none" strike="noStrike" cap="none" dirty="0">
                        <a:solidFill>
                          <a:srgbClr val="17365D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GB" sz="1800" b="1" u="none" strike="noStrike" cap="none" dirty="0">
                          <a:solidFill>
                            <a:srgbClr val="17365D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Student Name</a:t>
                      </a:r>
                      <a:endParaRPr sz="1800" b="1" u="none" strike="noStrike" cap="none" dirty="0">
                        <a:solidFill>
                          <a:srgbClr val="17365D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33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AJESHWARI C RAIKAR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34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ISHA L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55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MRUTH RAJ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41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KATTA VINOD KUMAR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7551"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11CDV0056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tc>
                  <a:txBody>
                    <a:bodyPr/>
                    <a:lstStyle/>
                    <a:p>
                      <a:pPr marL="0" marR="0" lvl="0" indent="0" algn="l" rtl="0"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IN" sz="1800" b="1" u="none" strike="noStrike" cap="none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K VISHNU VARDHAN</a:t>
                      </a:r>
                      <a:endParaRPr sz="1800" b="1" u="none" strike="noStrike" cap="none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91450" marR="91450" marT="45725" marB="45725"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90" name="Google Shape;90;p13"/>
          <p:cNvSpPr txBox="1"/>
          <p:nvPr/>
        </p:nvSpPr>
        <p:spPr>
          <a:xfrm>
            <a:off x="6821840" y="2015243"/>
            <a:ext cx="5514300" cy="20205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 lnSpcReduction="10000"/>
          </a:bodyPr>
          <a:lstStyle/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ts val="2000"/>
              <a:buFont typeface="Arial"/>
              <a:buNone/>
            </a:pPr>
            <a:r>
              <a:rPr lang="en-GB" sz="20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Under the Supervision of,</a:t>
            </a:r>
            <a:endParaRPr sz="2000" b="1" i="0" u="none" strike="noStrike" cap="none" dirty="0">
              <a:solidFill>
                <a:srgbClr val="17365D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  <a:sym typeface="Verdana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Mr. RAJAN THANGAMANI,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Assistant Professor,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School of Computer Science and Engineering,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Presidency University</a:t>
            </a:r>
            <a:r>
              <a:rPr lang="en-GB" sz="2000" b="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,</a:t>
            </a:r>
            <a:endParaRPr lang="en-GB" sz="2000" b="1" i="0" u="none" strike="noStrike" cap="none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  <a:sym typeface="Verdana"/>
            </a:endParaRPr>
          </a:p>
          <a:p>
            <a:pPr marL="0" marR="0" lvl="0" indent="0" algn="l" rtl="0">
              <a:spcBef>
                <a:spcPts val="340"/>
              </a:spcBef>
              <a:spcAft>
                <a:spcPts val="0"/>
              </a:spcAft>
              <a:buClr>
                <a:srgbClr val="17365D"/>
              </a:buClr>
              <a:buSzPts val="1700"/>
              <a:buFont typeface="Arial"/>
              <a:buNone/>
            </a:pPr>
            <a:r>
              <a:rPr lang="en-GB" sz="2000" b="1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Bangalore-560064</a:t>
            </a:r>
            <a:r>
              <a:rPr lang="en-GB" sz="2000" b="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.</a:t>
            </a:r>
            <a:endParaRPr sz="2000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l" rtl="0">
              <a:spcBef>
                <a:spcPts val="400"/>
              </a:spcBef>
              <a:spcAft>
                <a:spcPts val="0"/>
              </a:spcAft>
              <a:buClr>
                <a:srgbClr val="17365D"/>
              </a:buClr>
              <a:buSzPts val="2000"/>
              <a:buFont typeface="Arial"/>
              <a:buNone/>
            </a:pPr>
            <a:endParaRPr sz="2000" b="1" i="0" u="none" strike="noStrike" cap="none" dirty="0">
              <a:solidFill>
                <a:srgbClr val="17365D"/>
              </a:solidFill>
              <a:latin typeface="Cambria" panose="02040503050406030204" pitchFamily="18" charset="0"/>
              <a:ea typeface="Cambria" panose="02040503050406030204" pitchFamily="18" charset="0"/>
              <a:cs typeface="Verdana"/>
              <a:sym typeface="Verdana"/>
            </a:endParaRPr>
          </a:p>
        </p:txBody>
      </p:sp>
      <p:sp>
        <p:nvSpPr>
          <p:cNvPr id="91" name="Google Shape;91;p13"/>
          <p:cNvSpPr txBox="1"/>
          <p:nvPr/>
        </p:nvSpPr>
        <p:spPr>
          <a:xfrm>
            <a:off x="2301073" y="92970"/>
            <a:ext cx="7807569" cy="552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GB" sz="24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PIP2001 Capstone Project</a:t>
            </a:r>
            <a:endParaRPr lang="en-GB" sz="2400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  <a:p>
            <a:pPr marL="0" marR="0" lvl="0" indent="0" algn="ctr" rtl="0">
              <a:spcBef>
                <a:spcPts val="31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GB" sz="2400" b="1" i="0" u="none" strike="noStrike" cap="none" dirty="0">
                <a:solidFill>
                  <a:srgbClr val="17365D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Review-2</a:t>
            </a:r>
          </a:p>
        </p:txBody>
      </p:sp>
      <p:sp>
        <p:nvSpPr>
          <p:cNvPr id="8" name="Google Shape;91;p13"/>
          <p:cNvSpPr txBox="1"/>
          <p:nvPr/>
        </p:nvSpPr>
        <p:spPr>
          <a:xfrm>
            <a:off x="0" y="4330509"/>
            <a:ext cx="12249915" cy="1562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Program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B.TECH COMPUTER SCIENCE AND TECHNOLOGY [DEVOPS]</a:t>
            </a:r>
          </a:p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HoD: </a:t>
            </a:r>
            <a:r>
              <a:rPr lang="en-US" sz="2000" b="1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Dr. S PRAVINTHRAJA</a:t>
            </a:r>
          </a:p>
          <a:p>
            <a:pPr marL="0" marR="0" lvl="0" indent="0" rtl="0">
              <a:spcBef>
                <a:spcPts val="0"/>
              </a:spcBef>
              <a:spcAft>
                <a:spcPts val="0"/>
              </a:spcAft>
              <a:buClr>
                <a:srgbClr val="17365D"/>
              </a:buClr>
              <a:buSzPct val="100000"/>
              <a:buFont typeface="Arial"/>
              <a:buNone/>
            </a:pPr>
            <a:r>
              <a:rPr lang="en-US" sz="2000" b="1" i="0" u="none" strike="noStrike" cap="none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Program Project Coordinator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SUMA N G</a:t>
            </a:r>
          </a:p>
          <a:p>
            <a:pPr lvl="0">
              <a:buClr>
                <a:srgbClr val="17365D"/>
              </a:buClr>
              <a:buSzPct val="100000"/>
            </a:pPr>
            <a:r>
              <a:rPr lang="en-US" sz="2000" b="1" dirty="0">
                <a:solidFill>
                  <a:schemeClr val="accent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Name of the School Project Coordinators: </a:t>
            </a:r>
            <a:r>
              <a:rPr lang="en-US" sz="2000" b="1" i="0" u="none" strike="noStrike" cap="none" dirty="0">
                <a:solidFill>
                  <a:schemeClr val="tx1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  <a:sym typeface="Verdana"/>
              </a:rPr>
              <a:t>Dr. Sampath A K / Dr. Abdul Khadar A / Mr. Md Ziaur Rahman</a:t>
            </a:r>
            <a:endParaRPr sz="2000" b="1" i="0" u="none" strike="noStrike" cap="none" dirty="0">
              <a:solidFill>
                <a:schemeClr val="tx1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  <a:sym typeface="Verdana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9B28A5-9F1D-C1E9-3190-C6005FE0BE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Architecture</a:t>
            </a:r>
            <a:endParaRPr lang="en-IN" dirty="0">
              <a:latin typeface="+mj-lt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9BBB7F3-7D69-E203-C271-C0C0205B73AF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84" t="282" r="7390" b="-282"/>
          <a:stretch/>
        </p:blipFill>
        <p:spPr>
          <a:xfrm>
            <a:off x="553218" y="1796477"/>
            <a:ext cx="11072725" cy="35601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945952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1B97FD-7A7C-F5A7-82F8-E665F49E37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Software components</a:t>
            </a:r>
            <a:endParaRPr lang="en-IN" dirty="0">
              <a:latin typeface="+mj-lt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C84BCC-0DB1-FDE0-3402-D7F5BF535CD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Data Sets: </a:t>
            </a:r>
            <a:r>
              <a:rPr kumimoji="0" lang="en-US" altLang="en-US" sz="180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Kaggle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Frontend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HTML, CSS, JS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Backend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Flask</a:t>
            </a:r>
            <a:r>
              <a:rPr lang="en-US" altLang="en-US" sz="1800" dirty="0">
                <a:latin typeface="+mj-lt"/>
                <a:ea typeface="Cambria" panose="02040503050406030204" pitchFamily="18" charset="0"/>
              </a:rPr>
              <a:t> </a:t>
            </a: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NLP Libraries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TF-IDF, Cosine Similarity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Machine Learning Frameworks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Scikit-learn, </a:t>
            </a:r>
            <a:r>
              <a:rPr kumimoji="0" lang="en-US" altLang="en-US" sz="18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Numpy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, Pandas</a:t>
            </a: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  <a:p>
            <a:pPr marL="342900" marR="0" lvl="0" indent="-3429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US" altLang="en-US" sz="18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Model Deployment</a:t>
            </a:r>
            <a:r>
              <a:rPr kumimoji="0" lang="en-US" alt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ea typeface="Cambria" panose="02040503050406030204" pitchFamily="18" charset="0"/>
              </a:rPr>
              <a:t>: AWS EC2 Instanc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None/>
              <a:tabLst/>
            </a:pPr>
            <a:endParaRPr kumimoji="0" lang="en-US" altLang="en-US" sz="18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  <a:ea typeface="Cambria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255523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EA409F0-EFB1-9862-D197-1DC49D26DF0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B200315-9028-DF80-B3D8-1B034D5ED76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IN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45" name="OTLSHAPE_T_1ee99e603ab74d45b2af421cd8500808_LeftVerticalConnector1" hidden="1">
            <a:extLst>
              <a:ext uri="{FF2B5EF4-FFF2-40B4-BE49-F238E27FC236}">
                <a16:creationId xmlns:a16="http://schemas.microsoft.com/office/drawing/2014/main" id="{981191DE-944F-1765-1E9F-F2E3B9ACB3A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336478" y="2797640"/>
            <a:ext cx="0" cy="252688"/>
          </a:xfrm>
          <a:prstGeom prst="line">
            <a:avLst/>
          </a:prstGeom>
          <a:ln w="7620" cap="flat" cmpd="sng" algn="ctr">
            <a:solidFill>
              <a:srgbClr val="D4EAFF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a1dcccb0695b41c4a7c25ed935ab2ecc_LeftVerticalConnector1" hidden="1">
            <a:extLst>
              <a:ext uri="{FF2B5EF4-FFF2-40B4-BE49-F238E27FC236}">
                <a16:creationId xmlns:a16="http://schemas.microsoft.com/office/drawing/2014/main" id="{0B2952CB-1454-6BE9-D744-44044B575C5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659241" y="31278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_ab61448146b342978ef071f331b1a0d8_LeftVerticalConnector1" hidden="1">
            <a:extLst>
              <a:ext uri="{FF2B5EF4-FFF2-40B4-BE49-F238E27FC236}">
                <a16:creationId xmlns:a16="http://schemas.microsoft.com/office/drawing/2014/main" id="{F7AD1C48-A391-2C3A-BD1B-25B81B58F87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845449" y="34580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_6573890993b14c1aa662ed3084f33bf0_LeftVerticalConnector1" hidden="1">
            <a:extLst>
              <a:ext uri="{FF2B5EF4-FFF2-40B4-BE49-F238E27FC236}">
                <a16:creationId xmlns:a16="http://schemas.microsoft.com/office/drawing/2014/main" id="{367AB0AF-C649-C14B-EC59-B19C9153CD0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154899" y="2137240"/>
            <a:ext cx="0" cy="280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e0cc100f850444f38d1754b15685096c_LeftVerticalConnector1" hidden="1">
            <a:extLst>
              <a:ext uri="{FF2B5EF4-FFF2-40B4-BE49-F238E27FC236}">
                <a16:creationId xmlns:a16="http://schemas.microsoft.com/office/drawing/2014/main" id="{D067EB29-D81B-C63B-B113-42980CF7114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150097" y="37882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e0cc100f850444f38d1754b15685096c_LeftVerticalConnector2" hidden="1">
            <a:extLst>
              <a:ext uri="{FF2B5EF4-FFF2-40B4-BE49-F238E27FC236}">
                <a16:creationId xmlns:a16="http://schemas.microsoft.com/office/drawing/2014/main" id="{90384DBC-9D93-CC21-9EFB-BEFDC8BE97B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50097" y="4195953"/>
            <a:ext cx="0" cy="7479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7ed7cbeeae4444429743b3eb834ebc9e_LeftVerticalConnector1" hidden="1">
            <a:extLst>
              <a:ext uri="{FF2B5EF4-FFF2-40B4-BE49-F238E27FC236}">
                <a16:creationId xmlns:a16="http://schemas.microsoft.com/office/drawing/2014/main" id="{598333F1-5317-7192-58CD-1E2CDD61878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549777" y="41184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7ed7cbeeae4444429743b3eb834ebc9e_LeftVerticalConnector2" hidden="1">
            <a:extLst>
              <a:ext uri="{FF2B5EF4-FFF2-40B4-BE49-F238E27FC236}">
                <a16:creationId xmlns:a16="http://schemas.microsoft.com/office/drawing/2014/main" id="{F1682B3E-7C5F-4A1F-ED82-AA3CB4D2CB6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549777" y="4526153"/>
            <a:ext cx="0" cy="4177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_9f2c56c0af804b46b4c6eaee823fdbe3_LeftVerticalConnector1" hidden="1">
            <a:extLst>
              <a:ext uri="{FF2B5EF4-FFF2-40B4-BE49-F238E27FC236}">
                <a16:creationId xmlns:a16="http://schemas.microsoft.com/office/drawing/2014/main" id="{9885DFA1-682B-780B-16FB-6B6528A2013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882843" y="4448640"/>
            <a:ext cx="0" cy="2526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_9f2c56c0af804b46b4c6eaee823fdbe3_LeftVerticalConnector2" hidden="1">
            <a:extLst>
              <a:ext uri="{FF2B5EF4-FFF2-40B4-BE49-F238E27FC236}">
                <a16:creationId xmlns:a16="http://schemas.microsoft.com/office/drawing/2014/main" id="{18778F1D-8F10-5FEF-708A-F66D3B85F02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882843" y="4856353"/>
            <a:ext cx="0" cy="8758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_5deb908b8f9a406ea0f74f2d05a6cbfd_ShapePercentage" hidden="1">
            <a:extLst>
              <a:ext uri="{FF2B5EF4-FFF2-40B4-BE49-F238E27FC236}">
                <a16:creationId xmlns:a16="http://schemas.microsoft.com/office/drawing/2014/main" id="{9EB53F96-4C56-4CFB-472F-0DE9CFB94FA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55700" y="129078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8" name="OTLSHAPE_T_9d5380b9debd4df68f6b0c4eb0c96a31_ShapePercentage" hidden="1">
            <a:extLst>
              <a:ext uri="{FF2B5EF4-FFF2-40B4-BE49-F238E27FC236}">
                <a16:creationId xmlns:a16="http://schemas.microsoft.com/office/drawing/2014/main" id="{2646BFD6-0C84-A505-2004-0CD412B388B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55220" y="17054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06" name="OTLSHAPE_T_6573890993b14c1aa662ed3084f33bf0_ShapePercentage" hidden="1">
            <a:extLst>
              <a:ext uri="{FF2B5EF4-FFF2-40B4-BE49-F238E27FC236}">
                <a16:creationId xmlns:a16="http://schemas.microsoft.com/office/drawing/2014/main" id="{35172950-B46E-3656-98D6-89C294FC7AC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154899" y="20356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14" name="OTLSHAPE_T_fa00e8de85da493185eb112c03fe3ab8_ShapePercentage" hidden="1">
            <a:extLst>
              <a:ext uri="{FF2B5EF4-FFF2-40B4-BE49-F238E27FC236}">
                <a16:creationId xmlns:a16="http://schemas.microsoft.com/office/drawing/2014/main" id="{86FE3A3E-1908-ED91-E2B9-C3DDD31F94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086685" y="23658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22" name="OTLSHAPE_T_1ee99e603ab74d45b2af421cd8500808_ShapePercentage" hidden="1">
            <a:extLst>
              <a:ext uri="{FF2B5EF4-FFF2-40B4-BE49-F238E27FC236}">
                <a16:creationId xmlns:a16="http://schemas.microsoft.com/office/drawing/2014/main" id="{AF5F43F1-C30E-1B1A-FF61-F00D1D7C503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486365" y="26960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0" name="OTLSHAPE_T_a1dcccb0695b41c4a7c25ed935ab2ecc_ShapePercentage" hidden="1">
            <a:extLst>
              <a:ext uri="{FF2B5EF4-FFF2-40B4-BE49-F238E27FC236}">
                <a16:creationId xmlns:a16="http://schemas.microsoft.com/office/drawing/2014/main" id="{7533A414-2689-9AE0-4533-121A62B7545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218311" y="30262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38" name="OTLSHAPE_T_ab61448146b342978ef071f331b1a0d8_ShapePercentage" hidden="1">
            <a:extLst>
              <a:ext uri="{FF2B5EF4-FFF2-40B4-BE49-F238E27FC236}">
                <a16:creationId xmlns:a16="http://schemas.microsoft.com/office/drawing/2014/main" id="{EE7E1499-9B84-FD68-FC16-80B657D5C81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217511" y="33564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46" name="OTLSHAPE_T_e0cc100f850444f38d1754b15685096c_ShapePercentage" hidden="1">
            <a:extLst>
              <a:ext uri="{FF2B5EF4-FFF2-40B4-BE49-F238E27FC236}">
                <a16:creationId xmlns:a16="http://schemas.microsoft.com/office/drawing/2014/main" id="{54E9892D-6071-3BE9-8F5E-1DCE01E60FF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50097" y="36866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54" name="OTLSHAPE_T_7ed7cbeeae4444429743b3eb834ebc9e_ShapePercentage" hidden="1">
            <a:extLst>
              <a:ext uri="{FF2B5EF4-FFF2-40B4-BE49-F238E27FC236}">
                <a16:creationId xmlns:a16="http://schemas.microsoft.com/office/drawing/2014/main" id="{1422C168-2E5F-F096-A126-E791C4FA63A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549777" y="40168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62" name="OTLSHAPE_T_9f2c56c0af804b46b4c6eaee823fdbe3_ShapePercentage" hidden="1">
            <a:extLst>
              <a:ext uri="{FF2B5EF4-FFF2-40B4-BE49-F238E27FC236}">
                <a16:creationId xmlns:a16="http://schemas.microsoft.com/office/drawing/2014/main" id="{49581383-7453-5066-F79D-E7CEA35C3A9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82843" y="43470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170" name="OTLSHAPE_T_e1569554bed846669a4e37151e8945e4_ShapePercentage" hidden="1">
            <a:extLst>
              <a:ext uri="{FF2B5EF4-FFF2-40B4-BE49-F238E27FC236}">
                <a16:creationId xmlns:a16="http://schemas.microsoft.com/office/drawing/2014/main" id="{13715668-3CA2-F241-0A55-F6BB2CB841C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149297" y="46772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91" name="OTLSHAPE_T_5deb908b8f9a406ea0f74f2d05a6cbfd_Duration" hidden="1">
            <a:extLst>
              <a:ext uri="{FF2B5EF4-FFF2-40B4-BE49-F238E27FC236}">
                <a16:creationId xmlns:a16="http://schemas.microsoft.com/office/drawing/2014/main" id="{D7DBF342-9479-15B4-DED3-09CF41D0FB6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2" name="OTLSHAPE_T_5deb908b8f9a406ea0f74f2d05a6cbfd_TextPercentage" hidden="1">
            <a:extLst>
              <a:ext uri="{FF2B5EF4-FFF2-40B4-BE49-F238E27FC236}">
                <a16:creationId xmlns:a16="http://schemas.microsoft.com/office/drawing/2014/main" id="{17A39225-187F-FCD4-EAF5-0B5B93AFB43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5deb908b8f9a406ea0f74f2d05a6cbfd_JoinedDate" hidden="1">
            <a:extLst>
              <a:ext uri="{FF2B5EF4-FFF2-40B4-BE49-F238E27FC236}">
                <a16:creationId xmlns:a16="http://schemas.microsoft.com/office/drawing/2014/main" id="{FB416ED8-358A-3230-D93C-CF5A0AFD9B8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9d5380b9debd4df68f6b0c4eb0c96a31_Duration" hidden="1">
            <a:extLst>
              <a:ext uri="{FF2B5EF4-FFF2-40B4-BE49-F238E27FC236}">
                <a16:creationId xmlns:a16="http://schemas.microsoft.com/office/drawing/2014/main" id="{32E91B74-9B9E-7533-F6C2-93BFE4267F2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0" name="OTLSHAPE_T_9d5380b9debd4df68f6b0c4eb0c96a31_TextPercentage" hidden="1">
            <a:extLst>
              <a:ext uri="{FF2B5EF4-FFF2-40B4-BE49-F238E27FC236}">
                <a16:creationId xmlns:a16="http://schemas.microsoft.com/office/drawing/2014/main" id="{C411B4FE-1D8D-64AD-0B15-7FF9191A08C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9d5380b9debd4df68f6b0c4eb0c96a31_JoinedDate" hidden="1">
            <a:extLst>
              <a:ext uri="{FF2B5EF4-FFF2-40B4-BE49-F238E27FC236}">
                <a16:creationId xmlns:a16="http://schemas.microsoft.com/office/drawing/2014/main" id="{F97FFD52-A234-029B-834D-1D7788CE75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6573890993b14c1aa662ed3084f33bf0_Duration" hidden="1">
            <a:extLst>
              <a:ext uri="{FF2B5EF4-FFF2-40B4-BE49-F238E27FC236}">
                <a16:creationId xmlns:a16="http://schemas.microsoft.com/office/drawing/2014/main" id="{3170A1EB-51AB-F174-F4ED-5DBD80C738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08" name="OTLSHAPE_T_6573890993b14c1aa662ed3084f33bf0_TextPercentage" hidden="1">
            <a:extLst>
              <a:ext uri="{FF2B5EF4-FFF2-40B4-BE49-F238E27FC236}">
                <a16:creationId xmlns:a16="http://schemas.microsoft.com/office/drawing/2014/main" id="{00ABCE3C-E4B6-A66D-A1CA-D5DF60C3718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6573890993b14c1aa662ed3084f33bf0_JoinedDate" hidden="1">
            <a:extLst>
              <a:ext uri="{FF2B5EF4-FFF2-40B4-BE49-F238E27FC236}">
                <a16:creationId xmlns:a16="http://schemas.microsoft.com/office/drawing/2014/main" id="{22172FF8-412C-D047-B0BA-3855E30A25F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fa00e8de85da493185eb112c03fe3ab8_Duration" hidden="1">
            <a:extLst>
              <a:ext uri="{FF2B5EF4-FFF2-40B4-BE49-F238E27FC236}">
                <a16:creationId xmlns:a16="http://schemas.microsoft.com/office/drawing/2014/main" id="{7344C1C6-E48A-B9FB-CBCB-85BB5891707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6" name="OTLSHAPE_T_fa00e8de85da493185eb112c03fe3ab8_TextPercentage" hidden="1">
            <a:extLst>
              <a:ext uri="{FF2B5EF4-FFF2-40B4-BE49-F238E27FC236}">
                <a16:creationId xmlns:a16="http://schemas.microsoft.com/office/drawing/2014/main" id="{0C621C2C-A2A7-CD6B-7444-5CA9A4DA8F7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fa00e8de85da493185eb112c03fe3ab8_JoinedDate" hidden="1">
            <a:extLst>
              <a:ext uri="{FF2B5EF4-FFF2-40B4-BE49-F238E27FC236}">
                <a16:creationId xmlns:a16="http://schemas.microsoft.com/office/drawing/2014/main" id="{D964698F-22A8-05F7-331B-CAA67978F9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1ee99e603ab74d45b2af421cd8500808_Duration" hidden="1">
            <a:extLst>
              <a:ext uri="{FF2B5EF4-FFF2-40B4-BE49-F238E27FC236}">
                <a16:creationId xmlns:a16="http://schemas.microsoft.com/office/drawing/2014/main" id="{92001405-C244-EF38-F99F-F102820E5DD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124" name="OTLSHAPE_T_1ee99e603ab74d45b2af421cd8500808_TextPercentage" hidden="1">
            <a:extLst>
              <a:ext uri="{FF2B5EF4-FFF2-40B4-BE49-F238E27FC236}">
                <a16:creationId xmlns:a16="http://schemas.microsoft.com/office/drawing/2014/main" id="{FB2662BC-185A-678B-00E3-3FDFB5C8096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1ee99e603ab74d45b2af421cd8500808_JoinedDate" hidden="1">
            <a:extLst>
              <a:ext uri="{FF2B5EF4-FFF2-40B4-BE49-F238E27FC236}">
                <a16:creationId xmlns:a16="http://schemas.microsoft.com/office/drawing/2014/main" id="{352BB961-1594-B22A-1A17-5FF9D42D298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a1dcccb0695b41c4a7c25ed935ab2ecc_Duration" hidden="1">
            <a:extLst>
              <a:ext uri="{FF2B5EF4-FFF2-40B4-BE49-F238E27FC236}">
                <a16:creationId xmlns:a16="http://schemas.microsoft.com/office/drawing/2014/main" id="{4B7C2C28-FCCE-1321-AC52-EB700C0AC33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32" name="OTLSHAPE_T_a1dcccb0695b41c4a7c25ed935ab2ecc_TextPercentage" hidden="1">
            <a:extLst>
              <a:ext uri="{FF2B5EF4-FFF2-40B4-BE49-F238E27FC236}">
                <a16:creationId xmlns:a16="http://schemas.microsoft.com/office/drawing/2014/main" id="{35DAE48E-81CB-F1EB-CADD-A730D2E8716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a1dcccb0695b41c4a7c25ed935ab2ecc_JoinedDate" hidden="1">
            <a:extLst>
              <a:ext uri="{FF2B5EF4-FFF2-40B4-BE49-F238E27FC236}">
                <a16:creationId xmlns:a16="http://schemas.microsoft.com/office/drawing/2014/main" id="{15A38CB1-B073-1928-FB9C-A2042FFB8B1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ab61448146b342978ef071f331b1a0d8_Duration" hidden="1">
            <a:extLst>
              <a:ext uri="{FF2B5EF4-FFF2-40B4-BE49-F238E27FC236}">
                <a16:creationId xmlns:a16="http://schemas.microsoft.com/office/drawing/2014/main" id="{9B2E58B2-2E86-C32C-1133-3D990115C5A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40" name="OTLSHAPE_T_ab61448146b342978ef071f331b1a0d8_TextPercentage" hidden="1">
            <a:extLst>
              <a:ext uri="{FF2B5EF4-FFF2-40B4-BE49-F238E27FC236}">
                <a16:creationId xmlns:a16="http://schemas.microsoft.com/office/drawing/2014/main" id="{AAD09DB1-5A79-484B-20AE-0A5439C5A26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ab61448146b342978ef071f331b1a0d8_JoinedDate" hidden="1">
            <a:extLst>
              <a:ext uri="{FF2B5EF4-FFF2-40B4-BE49-F238E27FC236}">
                <a16:creationId xmlns:a16="http://schemas.microsoft.com/office/drawing/2014/main" id="{E397B654-0DA3-1E24-8220-DC449C21263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e0cc100f850444f38d1754b15685096c_Duration" hidden="1">
            <a:extLst>
              <a:ext uri="{FF2B5EF4-FFF2-40B4-BE49-F238E27FC236}">
                <a16:creationId xmlns:a16="http://schemas.microsoft.com/office/drawing/2014/main" id="{246AD86F-4015-8C3F-4D35-D7F7FCA7204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8" name="OTLSHAPE_T_e0cc100f850444f38d1754b15685096c_TextPercentage" hidden="1">
            <a:extLst>
              <a:ext uri="{FF2B5EF4-FFF2-40B4-BE49-F238E27FC236}">
                <a16:creationId xmlns:a16="http://schemas.microsoft.com/office/drawing/2014/main" id="{0D7DCA17-01AB-9A0A-8890-9328771CDAC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e0cc100f850444f38d1754b15685096c_JoinedDate" hidden="1">
            <a:extLst>
              <a:ext uri="{FF2B5EF4-FFF2-40B4-BE49-F238E27FC236}">
                <a16:creationId xmlns:a16="http://schemas.microsoft.com/office/drawing/2014/main" id="{5F67554F-2BBD-6C2E-5059-2A0978DD448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7ed7cbeeae4444429743b3eb834ebc9e_Duration" hidden="1">
            <a:extLst>
              <a:ext uri="{FF2B5EF4-FFF2-40B4-BE49-F238E27FC236}">
                <a16:creationId xmlns:a16="http://schemas.microsoft.com/office/drawing/2014/main" id="{59C33C00-DBFB-2E04-AA42-D9B6CC4F9EF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56" name="OTLSHAPE_T_7ed7cbeeae4444429743b3eb834ebc9e_TextPercentage" hidden="1">
            <a:extLst>
              <a:ext uri="{FF2B5EF4-FFF2-40B4-BE49-F238E27FC236}">
                <a16:creationId xmlns:a16="http://schemas.microsoft.com/office/drawing/2014/main" id="{63FEF8B7-9475-7CD8-F486-1E2E0C15AF4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7ed7cbeeae4444429743b3eb834ebc9e_JoinedDate" hidden="1">
            <a:extLst>
              <a:ext uri="{FF2B5EF4-FFF2-40B4-BE49-F238E27FC236}">
                <a16:creationId xmlns:a16="http://schemas.microsoft.com/office/drawing/2014/main" id="{F2BACCDF-B8E8-97AD-0727-07DC02EC311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9f2c56c0af804b46b4c6eaee823fdbe3_Duration" hidden="1">
            <a:extLst>
              <a:ext uri="{FF2B5EF4-FFF2-40B4-BE49-F238E27FC236}">
                <a16:creationId xmlns:a16="http://schemas.microsoft.com/office/drawing/2014/main" id="{3E35E5B3-2249-5E34-4B26-3097FAFE619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64" name="OTLSHAPE_T_9f2c56c0af804b46b4c6eaee823fdbe3_TextPercentage" hidden="1">
            <a:extLst>
              <a:ext uri="{FF2B5EF4-FFF2-40B4-BE49-F238E27FC236}">
                <a16:creationId xmlns:a16="http://schemas.microsoft.com/office/drawing/2014/main" id="{D68279DC-2DBA-03B5-A426-6A508E6ADE8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9f2c56c0af804b46b4c6eaee823fdbe3_JoinedDate" hidden="1">
            <a:extLst>
              <a:ext uri="{FF2B5EF4-FFF2-40B4-BE49-F238E27FC236}">
                <a16:creationId xmlns:a16="http://schemas.microsoft.com/office/drawing/2014/main" id="{84EC7745-F20B-5158-85DE-F61AE9431B4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e1569554bed846669a4e37151e8945e4_Duration" hidden="1">
            <a:extLst>
              <a:ext uri="{FF2B5EF4-FFF2-40B4-BE49-F238E27FC236}">
                <a16:creationId xmlns:a16="http://schemas.microsoft.com/office/drawing/2014/main" id="{BA0508AE-A247-2789-CDC3-6E39D85D67D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IN" sz="1000">
                <a:solidFill>
                  <a:srgbClr val="ED7D3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72" name="OTLSHAPE_T_e1569554bed846669a4e37151e8945e4_TextPercentage" hidden="1">
            <a:extLst>
              <a:ext uri="{FF2B5EF4-FFF2-40B4-BE49-F238E27FC236}">
                <a16:creationId xmlns:a16="http://schemas.microsoft.com/office/drawing/2014/main" id="{3A3C6900-197A-639C-1105-5A9209298CD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IN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e1569554bed846669a4e37151e8945e4_JoinedDate" hidden="1">
            <a:extLst>
              <a:ext uri="{FF2B5EF4-FFF2-40B4-BE49-F238E27FC236}">
                <a16:creationId xmlns:a16="http://schemas.microsoft.com/office/drawing/2014/main" id="{687ECCA2-F4B3-D869-2EF9-332F52198BE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IN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FFCDB1C-3643-90FF-CFCB-186D32D7A3B6}"/>
              </a:ext>
            </a:extLst>
          </p:cNvPr>
          <p:cNvSpPr txBox="1"/>
          <p:nvPr/>
        </p:nvSpPr>
        <p:spPr>
          <a:xfrm>
            <a:off x="743827" y="347153"/>
            <a:ext cx="6094324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800" b="1" dirty="0">
                <a:solidFill>
                  <a:schemeClr val="tx2"/>
                </a:solidFill>
                <a:latin typeface="+mj-lt"/>
                <a:ea typeface="Verdana" panose="020B0604030504040204" pitchFamily="34" charset="0"/>
              </a:rPr>
              <a:t>Timeline of Project</a:t>
            </a:r>
            <a:endParaRPr lang="en-IN" sz="2800" b="1" dirty="0">
              <a:solidFill>
                <a:schemeClr val="tx2"/>
              </a:solidFill>
              <a:latin typeface="+mj-lt"/>
              <a:ea typeface="Verdana" panose="020B0604030504040204" pitchFamily="34" charset="0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4B062484-8B9F-3303-69D9-B2A659063771}"/>
              </a:ext>
            </a:extLst>
          </p:cNvPr>
          <p:cNvPicPr>
            <a:picLocks noChangeAspect="1"/>
          </p:cNvPicPr>
          <p:nvPr/>
        </p:nvPicPr>
        <p:blipFill>
          <a:blip r:embed="rId59"/>
          <a:srcRect t="13580"/>
          <a:stretch/>
        </p:blipFill>
        <p:spPr>
          <a:xfrm>
            <a:off x="3044650" y="981554"/>
            <a:ext cx="5627078" cy="51680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432379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Expected Outcom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Groupings of similar patients based on medical data (cluster labels). </a:t>
            </a:r>
          </a:p>
          <a:p>
            <a:pPr marL="457200" indent="-457200">
              <a:buFont typeface="+mj-lt"/>
              <a:buAutoNum type="arabicPeriod"/>
            </a:pPr>
            <a:endParaRPr lang="en-US" sz="1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Identification of key attributes that define each cluster. </a:t>
            </a:r>
          </a:p>
          <a:p>
            <a:pPr marL="457200" indent="-457200">
              <a:buFont typeface="+mj-lt"/>
              <a:buAutoNum type="arabicPeriod"/>
            </a:pPr>
            <a:endParaRPr lang="en-US" sz="1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Actionable insights for patient treatment or diagnosis.</a:t>
            </a:r>
          </a:p>
          <a:p>
            <a:pPr marL="457200" indent="-457200">
              <a:buFont typeface="+mj-lt"/>
              <a:buAutoNum type="arabicPeriod"/>
            </a:pPr>
            <a:endParaRPr lang="en-US" sz="1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A model that can predict similarity for new patients. </a:t>
            </a:r>
          </a:p>
          <a:p>
            <a:pPr marL="457200" indent="-457200">
              <a:buFont typeface="+mj-lt"/>
              <a:buAutoNum type="arabicPeriod"/>
            </a:pPr>
            <a:endParaRPr lang="en-US" sz="1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Displays table format to illustrate the clusters and their significance. </a:t>
            </a:r>
          </a:p>
          <a:p>
            <a:pPr marL="457200" indent="-457200">
              <a:buFont typeface="+mj-lt"/>
              <a:buAutoNum type="arabicPeriod"/>
            </a:pPr>
            <a:endParaRPr lang="en-US" sz="1800" dirty="0">
              <a:latin typeface="+mj-lt"/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sz="1800" dirty="0">
                <a:latin typeface="+mj-lt"/>
              </a:rPr>
              <a:t>Report and Documentation.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239281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Conclu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1800" dirty="0">
                <a:latin typeface="+mj-lt"/>
              </a:rPr>
              <a:t>Successfully clustered patients based on medical data.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Identified key features for personalized treatment and diagnosis.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Developed a predictive model to classify new patients into clusters.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Enables data-driven decisions for healthcare providers.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Potential to improve patient outcomes through personalized medicine.</a:t>
            </a:r>
            <a:endParaRPr lang="en-GB" sz="18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385711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" name="Google Shape;114;p17"/>
          <p:cNvSpPr txBox="1">
            <a:spLocks noGrp="1"/>
          </p:cNvSpPr>
          <p:nvPr>
            <p:ph type="title"/>
          </p:nvPr>
        </p:nvSpPr>
        <p:spPr>
          <a:xfrm>
            <a:off x="762000" y="274500"/>
            <a:ext cx="10668000" cy="487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152400" lvl="0">
              <a:lnSpc>
                <a:spcPct val="200000"/>
              </a:lnSpc>
            </a:pPr>
            <a:r>
              <a:rPr lang="en-US" dirty="0">
                <a:latin typeface="+mj-lt"/>
                <a:ea typeface="Cambria" panose="02040503050406030204" pitchFamily="18" charset="0"/>
              </a:rPr>
              <a:t>Github Link</a:t>
            </a:r>
          </a:p>
        </p:txBody>
      </p:sp>
      <p:sp>
        <p:nvSpPr>
          <p:cNvPr id="115" name="Google Shape;115;p17"/>
          <p:cNvSpPr txBox="1">
            <a:spLocks noGrp="1"/>
          </p:cNvSpPr>
          <p:nvPr>
            <p:ph type="body" idx="1"/>
          </p:nvPr>
        </p:nvSpPr>
        <p:spPr>
          <a:xfrm>
            <a:off x="812800" y="1143000"/>
            <a:ext cx="10668000" cy="495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342900" lvl="0" indent="-190500" algn="just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lvl="0" indent="-190500" algn="just" rtl="0">
              <a:lnSpc>
                <a:spcPct val="2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ct val="100000"/>
              <a:buNone/>
            </a:pPr>
            <a:endParaRPr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4" name="Google Shape;115;p17"/>
          <p:cNvSpPr txBox="1">
            <a:spLocks/>
          </p:cNvSpPr>
          <p:nvPr/>
        </p:nvSpPr>
        <p:spPr>
          <a:xfrm>
            <a:off x="965200" y="1295400"/>
            <a:ext cx="10668000" cy="495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81000" algn="l" rtl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355600" algn="l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–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»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9pPr>
          </a:lstStyle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  <p:sp>
        <p:nvSpPr>
          <p:cNvPr id="5" name="Google Shape;115;p17"/>
          <p:cNvSpPr txBox="1">
            <a:spLocks/>
          </p:cNvSpPr>
          <p:nvPr/>
        </p:nvSpPr>
        <p:spPr>
          <a:xfrm>
            <a:off x="812800" y="1143000"/>
            <a:ext cx="10668000" cy="4178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457200" marR="0" lvl="0" indent="-381000" algn="l" rtl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355600" algn="l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–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3302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Char char="»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6pPr>
            <a:lvl7pPr marL="3200400" marR="0" lvl="6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7pPr>
            <a:lvl8pPr marL="3657600" marR="0" lvl="7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8pPr>
            <a:lvl9pPr marL="4114800" marR="0" lvl="8" indent="-3429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Bookman Old Style"/>
                <a:ea typeface="Bookman Old Style"/>
                <a:cs typeface="Bookman Old Style"/>
                <a:sym typeface="Bookman Old Style"/>
              </a:defRPr>
            </a:lvl9pPr>
          </a:lstStyle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r>
              <a:rPr lang="en-US" b="1" dirty="0">
                <a:solidFill>
                  <a:schemeClr val="accent2">
                    <a:lumMod val="75000"/>
                  </a:schemeClr>
                </a:solidFill>
                <a:latin typeface="Cambria" panose="02040503050406030204" pitchFamily="18" charset="0"/>
                <a:ea typeface="Cambria" panose="02040503050406030204" pitchFamily="18" charset="0"/>
                <a:hlinkClick r:id="rId3"/>
              </a:rPr>
              <a:t>https://github.com/Nishalokesh/Capstone_Project.git</a:t>
            </a:r>
            <a:r>
              <a:rPr lang="en-US" b="1" dirty="0">
                <a:solidFill>
                  <a:schemeClr val="accent2">
                    <a:lumMod val="75000"/>
                  </a:schemeClr>
                </a:solidFill>
                <a:latin typeface="Cambria" panose="02040503050406030204" pitchFamily="18" charset="0"/>
                <a:ea typeface="Cambria" panose="02040503050406030204" pitchFamily="18" charset="0"/>
              </a:rPr>
              <a:t> </a:t>
            </a:r>
          </a:p>
          <a:p>
            <a:pPr marL="342900" indent="-190500" algn="just"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  <a:p>
            <a:pPr marL="342900" indent="-190500" algn="just">
              <a:lnSpc>
                <a:spcPct val="2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en-US" dirty="0">
              <a:latin typeface="Cambria" panose="02040503050406030204" pitchFamily="18" charset="0"/>
              <a:ea typeface="Cambria" panose="020405030504060302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5635733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References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CED7B48F-8B91-CFA9-CF9C-E4341C01F044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458316" y="1244278"/>
            <a:ext cx="11275367" cy="47705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Dai, L., Zhu, H., &amp; Liu, D.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0). </a:t>
            </a:r>
            <a:r>
              <a:rPr kumimoji="0" lang="en-US" altLang="en-US" sz="16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ient similarity: Methods and applications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</a:t>
            </a:r>
            <a:r>
              <a:rPr kumimoji="0" lang="en-US" altLang="en-US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arXiv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2"/>
              </a:rPr>
              <a:t>https://arxiv.org/abs/2012.01976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Conroy, B., Xu-Wilson, M., &amp; Rahman, A.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17). </a:t>
            </a:r>
            <a:r>
              <a:rPr kumimoji="0" lang="en-US" altLang="en-US" sz="16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ient similarity using population statistics and multiple kernel learning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Proceedings of Machine Learning for Healthcare 2017 JMLR W&amp;C Track. https://proceedings.mlr.press/v68/conroy17a.html</a:t>
            </a: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Siri, D. L., </a:t>
            </a:r>
            <a:r>
              <a:rPr kumimoji="0" lang="en-US" altLang="en-US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Charitha</a:t>
            </a: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K., Varsha, K., &amp; Pramod, K.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3). </a:t>
            </a:r>
            <a:r>
              <a:rPr kumimoji="0" lang="en-US" altLang="en-US" sz="1600" b="0" i="1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Improving clinical decision support through patient case similarity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. International Journal of Creative Research Thoughts, 11(12), 680-685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3"/>
              </a:rPr>
              <a:t>https://www.ijcrt.org/IJCRT2312749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Seligson</a:t>
            </a: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N. D., Warner, J. L., Dalton, W. S., Martin, D., Miller, R. S., </a:t>
            </a:r>
            <a:r>
              <a:rPr kumimoji="0" lang="en-US" altLang="en-US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Patt</a:t>
            </a: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D., ... Chen, J. L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20). Recommendations for patient similarity classes: Results of the AMIA 2019 workshop on defining patient similarity. Journal of the American Medical Informatics Association, 27(11), 1808–1812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4"/>
              </a:rPr>
              <a:t>https://doi.org/10.1093/jamia/ocaa159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Mahima, V. B., </a:t>
            </a:r>
            <a:r>
              <a:rPr kumimoji="0" lang="en-US" altLang="en-US" sz="1600" b="1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Jeevinee</a:t>
            </a: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V., &amp; Khan, M. S.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(2024). Patient case similarity. International Research Journal of Modernization in Engineering Technology and Science, 6(1), 835–838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5"/>
              </a:rPr>
              <a:t>https://doi.org/10.56726/IRJMETS48246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algn="just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Jia, Z., Zeng, X., Duan, H., Lu, X., &amp; Li, H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20). A patient-similarity-based model for diagnostic prediction. International Journal of Medical Informatics, 135, Article 104073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6"/>
              </a:rPr>
              <a:t>https://doi.org/10.1016/j.ijmedinf.2019.104073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pPr marL="0" indent="0" eaLnBrk="0" fontAlgn="base" hangingPunct="0">
              <a:spcBef>
                <a:spcPct val="0"/>
              </a:spcBef>
              <a:spcAft>
                <a:spcPct val="0"/>
              </a:spcAft>
              <a:buNone/>
            </a:pP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138633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F10F70-0446-4AB9-C82F-EFD7D0420C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s</a:t>
            </a:r>
            <a:endParaRPr lang="en-IN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2CF92AC-8569-4A47-3F95-774F6D1B64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400" y="952501"/>
            <a:ext cx="11591332" cy="4952997"/>
          </a:xfrm>
        </p:spPr>
        <p:txBody>
          <a:bodyPr>
            <a:noAutofit/>
          </a:bodyPr>
          <a:lstStyle/>
          <a:p>
            <a:endParaRPr lang="en-IN" sz="1600" b="1" dirty="0">
              <a:latin typeface="+mj-lt"/>
            </a:endParaRPr>
          </a:p>
          <a:p>
            <a:r>
              <a:rPr lang="en-IN" sz="1600" b="1" dirty="0">
                <a:latin typeface="+mj-lt"/>
              </a:rPr>
              <a:t>Liu, Y.</a:t>
            </a:r>
            <a:r>
              <a:rPr lang="en-IN" sz="1600" dirty="0">
                <a:latin typeface="+mj-lt"/>
              </a:rPr>
              <a:t> (2022). A family of algorithms for patient similarity based on electronic health records [Master’s thesis, Concordia University]. Concordia University Library. </a:t>
            </a:r>
            <a:r>
              <a:rPr lang="en-IN" sz="1600" dirty="0">
                <a:latin typeface="+mj-lt"/>
                <a:hlinkClick r:id="rId2"/>
              </a:rPr>
              <a:t>https://doi.org/10.1109/ACCESS.2022.3142100&amp;#8203;:contentReference[oaicite:0</a:t>
            </a:r>
            <a:r>
              <a:rPr lang="en-IN" sz="1600" dirty="0">
                <a:latin typeface="+mj-lt"/>
              </a:rPr>
              <a:t>]</a:t>
            </a:r>
          </a:p>
          <a:p>
            <a:r>
              <a:rPr lang="en-IN" sz="1600" b="1" dirty="0" err="1">
                <a:latin typeface="+mj-lt"/>
              </a:rPr>
              <a:t>Memarzadeh</a:t>
            </a:r>
            <a:r>
              <a:rPr lang="en-IN" sz="1600" b="1" dirty="0">
                <a:latin typeface="+mj-lt"/>
              </a:rPr>
              <a:t>, H., </a:t>
            </a:r>
            <a:r>
              <a:rPr lang="en-IN" sz="1600" b="1" dirty="0" err="1">
                <a:latin typeface="+mj-lt"/>
              </a:rPr>
              <a:t>Ghadiri</a:t>
            </a:r>
            <a:r>
              <a:rPr lang="en-IN" sz="1600" b="1" dirty="0">
                <a:latin typeface="+mj-lt"/>
              </a:rPr>
              <a:t>, N., </a:t>
            </a:r>
            <a:r>
              <a:rPr lang="en-IN" sz="1600" b="1" dirty="0" err="1">
                <a:latin typeface="+mj-lt"/>
              </a:rPr>
              <a:t>Samwald</a:t>
            </a:r>
            <a:r>
              <a:rPr lang="en-IN" sz="1600" b="1" dirty="0">
                <a:latin typeface="+mj-lt"/>
              </a:rPr>
              <a:t>, M., &amp; </a:t>
            </a:r>
            <a:r>
              <a:rPr lang="en-IN" sz="1600" b="1" dirty="0" err="1">
                <a:latin typeface="+mj-lt"/>
              </a:rPr>
              <a:t>Lotfi</a:t>
            </a:r>
            <a:r>
              <a:rPr lang="en-IN" sz="1600" b="1" dirty="0">
                <a:latin typeface="+mj-lt"/>
              </a:rPr>
              <a:t> </a:t>
            </a:r>
            <a:r>
              <a:rPr lang="en-IN" sz="1600" b="1" dirty="0" err="1">
                <a:latin typeface="+mj-lt"/>
              </a:rPr>
              <a:t>Shahreza</a:t>
            </a:r>
            <a:r>
              <a:rPr lang="en-IN" sz="1600" b="1" dirty="0">
                <a:latin typeface="+mj-lt"/>
              </a:rPr>
              <a:t>, M. </a:t>
            </a:r>
            <a:r>
              <a:rPr lang="en-IN" sz="1600" dirty="0">
                <a:latin typeface="+mj-lt"/>
              </a:rPr>
              <a:t>(2022). A study into patient similarity through representation learning from medical records. </a:t>
            </a:r>
            <a:r>
              <a:rPr lang="en-IN" sz="1600" dirty="0" err="1">
                <a:latin typeface="+mj-lt"/>
              </a:rPr>
              <a:t>arXiv</a:t>
            </a:r>
            <a:r>
              <a:rPr lang="en-IN" sz="1600" dirty="0">
                <a:latin typeface="+mj-lt"/>
              </a:rPr>
              <a:t>. </a:t>
            </a:r>
            <a:r>
              <a:rPr lang="en-IN" sz="1600" dirty="0">
                <a:latin typeface="+mj-lt"/>
                <a:hlinkClick r:id="rId3"/>
              </a:rPr>
              <a:t>https://doi.org/10.21203/rs.3.rs-1738458/v1&amp;#8203;:contentReference[oaicite:1</a:t>
            </a:r>
            <a:r>
              <a:rPr lang="en-IN" sz="1600" dirty="0">
                <a:latin typeface="+mj-lt"/>
              </a:rPr>
              <a:t>]</a:t>
            </a:r>
          </a:p>
          <a:p>
            <a:r>
              <a:rPr lang="en-IN" sz="1600" b="1" dirty="0" err="1">
                <a:latin typeface="+mj-lt"/>
              </a:rPr>
              <a:t>Haboubi</a:t>
            </a:r>
            <a:r>
              <a:rPr lang="en-IN" sz="1600" b="1" dirty="0">
                <a:latin typeface="+mj-lt"/>
              </a:rPr>
              <a:t>, S., &amp; Ben Cheikh, A. </a:t>
            </a:r>
            <a:r>
              <a:rPr lang="en-IN" sz="1600" dirty="0">
                <a:latin typeface="+mj-lt"/>
              </a:rPr>
              <a:t>(2021). Similarity of patients in predictive models using medical data: Case of auto-prescription drugs for diabetic patients. International Journal of Computers, 6, 33-38. </a:t>
            </a:r>
            <a:r>
              <a:rPr lang="en-IN" sz="1600" dirty="0">
                <a:latin typeface="+mj-lt"/>
                <a:hlinkClick r:id="rId4"/>
              </a:rPr>
              <a:t>https://www.iaras.org/iaras/journals/ijcOei</a:t>
            </a:r>
            <a:endParaRPr lang="en-IN" sz="1600" dirty="0">
              <a:latin typeface="+mj-lt"/>
            </a:endParaRPr>
          </a:p>
          <a:p>
            <a:r>
              <a:rPr lang="en-IN" sz="1600" b="1" dirty="0">
                <a:latin typeface="+mj-lt"/>
              </a:rPr>
              <a:t>R. W., Hsu, W., Lee, M. L., &amp; Tan, N. C. </a:t>
            </a:r>
            <a:r>
              <a:rPr lang="en-IN" sz="1600" dirty="0">
                <a:latin typeface="+mj-lt"/>
              </a:rPr>
              <a:t>(2023). Using similar patients to predict complication in patients with diabetes, hypertension, and lipid disorder: A domain knowledge-infused convolutional neural network approach. Journal of the American Medical Informatics Association, 30(2), 273–281. </a:t>
            </a:r>
            <a:r>
              <a:rPr lang="en-IN" sz="1600" dirty="0">
                <a:latin typeface="+mj-lt"/>
                <a:hlinkClick r:id="rId5"/>
              </a:rPr>
              <a:t>https://doi.org/10.1093/jamia/ocac212&amp;#8203;:contentReference[oaicite:0</a:t>
            </a:r>
            <a:r>
              <a:rPr lang="en-IN" sz="1600" dirty="0">
                <a:latin typeface="+mj-lt"/>
              </a:rPr>
              <a:t>]</a:t>
            </a:r>
          </a:p>
          <a:p>
            <a:r>
              <a:rPr kumimoji="0" lang="en-US" altLang="en-US" sz="1600" b="1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Wang, N., Huang, Y., Liu, H., Fei, X., Wei, L., Zhao, X., &amp; Chen, H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(2019). Measurement and application of patient similarity in personalized predictive modeling based on electronic medical records. </a:t>
            </a:r>
            <a:r>
              <a:rPr kumimoji="0" lang="en-US" altLang="en-US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BioMedical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 Engineering </a:t>
            </a:r>
            <a:r>
              <a:rPr kumimoji="0" lang="en-US" altLang="en-US" sz="1600" b="0" i="0" u="none" strike="noStrike" cap="none" normalizeH="0" baseline="0" dirty="0" err="1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OnLine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</a:rPr>
              <a:t>, 18(98), 1-15. </a:t>
            </a:r>
            <a:r>
              <a:rPr kumimoji="0" lang="en-US" altLang="en-US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j-lt"/>
                <a:hlinkClick r:id="rId6"/>
              </a:rPr>
              <a:t>https://doi.org/10.1186/s12938-019-0718-2</a:t>
            </a:r>
            <a:endParaRPr kumimoji="0" lang="en-US" alt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j-lt"/>
            </a:endParaRPr>
          </a:p>
          <a:p>
            <a:endParaRPr lang="en-IN" sz="1800" dirty="0">
              <a:latin typeface="+mj-lt"/>
            </a:endParaRPr>
          </a:p>
          <a:p>
            <a:endParaRPr lang="en-IN" sz="16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7672322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338A02-66E7-D4A9-0B63-EC7A4969F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Project work mapping with SDG</a:t>
            </a:r>
            <a:endParaRPr lang="en-IN" dirty="0">
              <a:latin typeface="+mj-lt"/>
            </a:endParaRPr>
          </a:p>
        </p:txBody>
      </p:sp>
      <p:sp>
        <p:nvSpPr>
          <p:cNvPr id="4" name="AutoShape 2" descr="Image preview">
            <a:extLst>
              <a:ext uri="{FF2B5EF4-FFF2-40B4-BE49-F238E27FC236}">
                <a16:creationId xmlns:a16="http://schemas.microsoft.com/office/drawing/2014/main" id="{96B0E362-745E-C478-1396-BA189B715024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IN"/>
          </a:p>
        </p:txBody>
      </p:sp>
      <p:sp>
        <p:nvSpPr>
          <p:cNvPr id="6" name="AutoShape 6" descr="Image preview">
            <a:extLst>
              <a:ext uri="{FF2B5EF4-FFF2-40B4-BE49-F238E27FC236}">
                <a16:creationId xmlns:a16="http://schemas.microsoft.com/office/drawing/2014/main" id="{EA944A2A-59CE-0D28-76C1-2B1B38111B31}"/>
              </a:ext>
            </a:extLst>
          </p:cNvPr>
          <p:cNvSpPr>
            <a:spLocks noGrp="1" noChangeAspect="1" noChangeArrowheads="1"/>
          </p:cNvSpPr>
          <p:nvPr>
            <p:ph type="body" idx="1"/>
          </p:nvPr>
        </p:nvSpPr>
        <p:spPr bwMode="auto">
          <a:xfrm>
            <a:off x="3165230" y="1537398"/>
            <a:ext cx="5385917" cy="21905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IN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1A469FF9-30A7-4AAB-0236-38D1992709F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93" t="12161" r="493" b="27779"/>
          <a:stretch/>
        </p:blipFill>
        <p:spPr bwMode="auto">
          <a:xfrm>
            <a:off x="918368" y="1143001"/>
            <a:ext cx="10456863" cy="31878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8B8C965-2FB7-67E6-1794-E3612D3D8B2E}"/>
              </a:ext>
            </a:extLst>
          </p:cNvPr>
          <p:cNvSpPr txBox="1"/>
          <p:nvPr/>
        </p:nvSpPr>
        <p:spPr>
          <a:xfrm>
            <a:off x="918368" y="4505068"/>
            <a:ext cx="609432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1" dirty="0">
                <a:latin typeface="+mj-lt"/>
              </a:rPr>
              <a:t>SDG 3 - Good Health and Well-Being</a:t>
            </a:r>
          </a:p>
          <a:p>
            <a:r>
              <a:rPr lang="en-US" b="1" dirty="0">
                <a:latin typeface="+mj-lt"/>
              </a:rPr>
              <a:t>SDG 9 – Industry, Innovation and Infrastructure</a:t>
            </a:r>
            <a:endParaRPr lang="en-GB" sz="1800" b="1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9544947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 algn="ctr">
              <a:buNone/>
            </a:pPr>
            <a:endParaRPr lang="en-GB" sz="4400" dirty="0"/>
          </a:p>
          <a:p>
            <a:pPr marL="0" indent="0" algn="ctr">
              <a:buNone/>
            </a:pPr>
            <a:endParaRPr lang="en-GB" sz="4400" dirty="0"/>
          </a:p>
          <a:p>
            <a:pPr marL="0" indent="0" algn="ctr">
              <a:buNone/>
            </a:pPr>
            <a:r>
              <a:rPr lang="en-GB" sz="6000" dirty="0"/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6916723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284686"/>
            <a:ext cx="10668000" cy="487362"/>
          </a:xfrm>
        </p:spPr>
        <p:txBody>
          <a:bodyPr/>
          <a:lstStyle/>
          <a:p>
            <a:r>
              <a:rPr lang="en-GB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roduc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12800" y="1041470"/>
            <a:ext cx="10401160" cy="4775059"/>
          </a:xfrm>
        </p:spPr>
        <p:txBody>
          <a:bodyPr>
            <a:noAutofit/>
          </a:bodyPr>
          <a:lstStyle/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Goal:</a:t>
            </a: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Find similar patient cases for personalized care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Used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Analyze both structured data (like patient info) and unstructured data (like clinical notes)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milarity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Use Cosine Similarity to measure how close patients are in terms of data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LP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Turn clinical notes into numbers for easy comparison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eb App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A Python Flask-based app where doctors can get real-time similarity scores.</a:t>
            </a:r>
          </a:p>
          <a:p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Benefit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    Helps doctors make better decisions and provide personalized treatment faster.</a:t>
            </a:r>
            <a:endParaRPr lang="en-GB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334872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terature Re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12800" y="972179"/>
            <a:ext cx="11379200" cy="5961183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Use machine learning and NLP to compare patient cases in healthcare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ML Techniqu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Analyze large datasets and predict outcome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Similarity Measur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Use cosine similarity or Euclidean distance for case comparison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NLP Model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TF-IDF Improves text analysis of medical term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Application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Detect rare diseases and predict treatment outcomes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Challenge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Address data privacy, integration, and model interpretability.</a:t>
            </a:r>
          </a:p>
          <a:p>
            <a:pPr marL="0" indent="0">
              <a:buNone/>
            </a:pPr>
            <a:r>
              <a:rPr lang="en-US" sz="2000" b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Future Focus:</a:t>
            </a:r>
          </a:p>
          <a:p>
            <a:pPr marL="0" indent="0">
              <a:buNone/>
            </a:pPr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    Make models more understandable while ensuring data security.</a:t>
            </a:r>
            <a:endParaRPr lang="en-GB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77111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591458-3602-B88D-69F2-536F2B2C1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isting method Drawback</a:t>
            </a:r>
            <a:endParaRPr lang="en-IN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8BBEEA-9AE3-9AD1-DBF4-A2CC98EF1B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Sparsity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ifficulty in Distinguishing Overlapping Symptoms 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gh Dimensionality and Complexity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Kernel Selection Challenge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imited Generalization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ntext-Dependent Similarity Definitions</a:t>
            </a:r>
          </a:p>
        </p:txBody>
      </p:sp>
    </p:spTree>
    <p:extLst>
      <p:ext uri="{BB962C8B-B14F-4D97-AF65-F5344CB8AC3E}">
        <p14:creationId xmlns:p14="http://schemas.microsoft.com/office/powerpoint/2010/main" val="16376662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CD99655-8B18-7305-1BB0-7CCFABE9A3F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1A75BB-7D95-F9A6-2FC8-C5BB3D4A6A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isting method Drawback</a:t>
            </a:r>
            <a:endParaRPr lang="en-IN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4FFAC-EE1D-A9E5-546B-592D251AED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eterogeneous Data Integration 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High Data Requirements 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omplexity of Medical Text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Privacy and Security</a:t>
            </a:r>
          </a:p>
          <a:p>
            <a:endParaRPr lang="en-US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valuation and Interpretability</a:t>
            </a:r>
          </a:p>
        </p:txBody>
      </p:sp>
    </p:spTree>
    <p:extLst>
      <p:ext uri="{BB962C8B-B14F-4D97-AF65-F5344CB8AC3E}">
        <p14:creationId xmlns:p14="http://schemas.microsoft.com/office/powerpoint/2010/main" val="113661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Proposed Method</a:t>
            </a:r>
          </a:p>
        </p:txBody>
      </p:sp>
      <p:graphicFrame>
        <p:nvGraphicFramePr>
          <p:cNvPr id="13" name="Content Placeholder 12">
            <a:extLst>
              <a:ext uri="{FF2B5EF4-FFF2-40B4-BE49-F238E27FC236}">
                <a16:creationId xmlns:a16="http://schemas.microsoft.com/office/drawing/2014/main" id="{92B8A707-710B-8F59-CEB5-975B78AF417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45747630"/>
              </p:ext>
            </p:extLst>
          </p:nvPr>
        </p:nvGraphicFramePr>
        <p:xfrm>
          <a:off x="812800" y="974692"/>
          <a:ext cx="10667999" cy="5134989"/>
        </p:xfrm>
        <a:graphic>
          <a:graphicData uri="http://schemas.openxmlformats.org/drawingml/2006/table">
            <a:tbl>
              <a:tblPr firstRow="1" firstCol="1" lastRow="1" lastCol="1" bandRow="1" bandCol="1">
                <a:tableStyleId>{5C22544A-7EE6-4342-B048-85BDC9FD1C3A}</a:tableStyleId>
              </a:tblPr>
              <a:tblGrid>
                <a:gridCol w="229909">
                  <a:extLst>
                    <a:ext uri="{9D8B030D-6E8A-4147-A177-3AD203B41FA5}">
                      <a16:colId xmlns:a16="http://schemas.microsoft.com/office/drawing/2014/main" val="1599095298"/>
                    </a:ext>
                  </a:extLst>
                </a:gridCol>
                <a:gridCol w="2064942">
                  <a:extLst>
                    <a:ext uri="{9D8B030D-6E8A-4147-A177-3AD203B41FA5}">
                      <a16:colId xmlns:a16="http://schemas.microsoft.com/office/drawing/2014/main" val="789050363"/>
                    </a:ext>
                  </a:extLst>
                </a:gridCol>
                <a:gridCol w="1475104">
                  <a:extLst>
                    <a:ext uri="{9D8B030D-6E8A-4147-A177-3AD203B41FA5}">
                      <a16:colId xmlns:a16="http://schemas.microsoft.com/office/drawing/2014/main" val="2188885904"/>
                    </a:ext>
                  </a:extLst>
                </a:gridCol>
                <a:gridCol w="1410609">
                  <a:extLst>
                    <a:ext uri="{9D8B030D-6E8A-4147-A177-3AD203B41FA5}">
                      <a16:colId xmlns:a16="http://schemas.microsoft.com/office/drawing/2014/main" val="46900963"/>
                    </a:ext>
                  </a:extLst>
                </a:gridCol>
                <a:gridCol w="2653734">
                  <a:extLst>
                    <a:ext uri="{9D8B030D-6E8A-4147-A177-3AD203B41FA5}">
                      <a16:colId xmlns:a16="http://schemas.microsoft.com/office/drawing/2014/main" val="3341389970"/>
                    </a:ext>
                  </a:extLst>
                </a:gridCol>
                <a:gridCol w="2833701">
                  <a:extLst>
                    <a:ext uri="{9D8B030D-6E8A-4147-A177-3AD203B41FA5}">
                      <a16:colId xmlns:a16="http://schemas.microsoft.com/office/drawing/2014/main" val="2060424289"/>
                    </a:ext>
                  </a:extLst>
                </a:gridCol>
              </a:tblGrid>
              <a:tr h="221062">
                <a:tc>
                  <a:txBody>
                    <a:bodyPr/>
                    <a:lstStyle/>
                    <a:p>
                      <a:pPr marL="67945" marR="7556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20" dirty="0">
                          <a:effectLst/>
                        </a:rPr>
                        <a:t>Journal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Methodology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  <a:spcBef>
                          <a:spcPts val="5"/>
                        </a:spcBef>
                      </a:pPr>
                      <a:r>
                        <a:rPr lang="en-US" sz="1000" spc="-10">
                          <a:effectLst/>
                        </a:rPr>
                        <a:t>Model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Evaluation Metric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10">
                          <a:effectLst/>
                        </a:rPr>
                        <a:t>Drawbacks or Challenges</a:t>
                      </a:r>
                      <a:endParaRPr lang="en-IN" sz="1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860148455"/>
                  </a:ext>
                </a:extLst>
              </a:tr>
              <a:tr h="509414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1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7429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7429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Journal Of Biomedical Informat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Deep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36830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36830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R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36830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GNN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               Cross validat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ata Spars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0993918"/>
                  </a:ext>
                </a:extLst>
              </a:tr>
              <a:tr h="887307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2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700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International Journal of Medical Informat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rediction Bas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ct val="10700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Diagnostic Predic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Prediction model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2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1. Performance Evaluation for testing [F1 score]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2. Supervised Metric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odel faces difficulties in   measuring qualitative similarity due to complexity of EHR data, which includes structured and unstructured data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02496656"/>
                  </a:ext>
                </a:extLst>
              </a:tr>
              <a:tr h="1014883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3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37020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370205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atient Similarity Methods and Applicat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 marR="13462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 marR="13462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Cluster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C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K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SOM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88595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1. Accuracy and F1 score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2. Unsupervised Metrics [Euclidean, K-means, Cosine and </a:t>
                      </a:r>
                      <a:r>
                        <a:rPr lang="en-US" sz="1000" b="1" spc="-20" dirty="0" err="1">
                          <a:solidFill>
                            <a:schemeClr val="tx1"/>
                          </a:solidFill>
                          <a:effectLst/>
                        </a:rPr>
                        <a:t>Mahalanobis</a:t>
                      </a: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]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Data Heterogeneity and inconsistenc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mited clinical and research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Labeling difficult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4. Some data integration methods may result in loss of important informa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3393075"/>
                  </a:ext>
                </a:extLst>
              </a:tr>
              <a:tr h="1024932"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spc="-50" dirty="0">
                          <a:effectLst/>
                        </a:rPr>
                        <a:t>4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Improving Clinical Decision Support Through Patient Cas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 marR="325755">
                        <a:lnSpc>
                          <a:spcPct val="10600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 Machine 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Random Forest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Decision Tre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3. SVM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ct val="106000"/>
                        </a:lnSpc>
                        <a:spcBef>
                          <a:spcPts val="5"/>
                        </a:spcBef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4. Naïve Baye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r>
                        <a:rPr lang="en-IN" sz="1000" b="1" spc="0" dirty="0">
                          <a:solidFill>
                            <a:schemeClr val="tx1"/>
                          </a:solidFill>
                          <a:effectLst/>
                        </a:rPr>
                        <a:t>                    </a:t>
                      </a: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Accurac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Random forests can be computationally expensive due to large number of trees and suffer from overfitting if no. of trees is too high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Selecting right kernel function can be challenging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0554936"/>
                  </a:ext>
                </a:extLst>
              </a:tr>
              <a:tr h="1264184"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  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dirty="0">
                          <a:effectLst/>
                        </a:rPr>
                        <a:t>5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59080">
                        <a:lnSpc>
                          <a:spcPct val="107000"/>
                        </a:lnSpc>
                      </a:pPr>
                      <a:r>
                        <a:rPr lang="en-US" sz="1000" b="1" spc="-10">
                          <a:solidFill>
                            <a:schemeClr val="tx1"/>
                          </a:solidFill>
                          <a:effectLst/>
                        </a:rPr>
                        <a:t>Patient Similarity Using Population Statistics and Multiple Kernel Learning 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Multiple Kernel Learning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Cumulative Distribution Function (CDF).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95580"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    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algn="ctr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Performanc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algn="ctr">
                        <a:lnSpc>
                          <a:spcPts val="1340"/>
                        </a:lnSpc>
                      </a:pPr>
                      <a:r>
                        <a:rPr lang="en-US" sz="1000" b="1" spc="-20" dirty="0">
                          <a:solidFill>
                            <a:schemeClr val="tx1"/>
                          </a:solidFill>
                          <a:effectLst/>
                        </a:rPr>
                        <a:t>Metric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he definition of patient similarity can be context-dependent, complicating feature relevance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Generalizability of the model may be limited across diverse patient population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Historical data reliance may introduce biases, affecting adaptability to new case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161698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596186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EF43C9-E096-DA2E-459E-A4C8950150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Proposed Method</a:t>
            </a:r>
            <a:endParaRPr lang="en-IN" dirty="0">
              <a:latin typeface="+mj-lt"/>
            </a:endParaRP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88D726A3-1BE6-2551-4985-FAAC7F3DF0E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19991037"/>
              </p:ext>
            </p:extLst>
          </p:nvPr>
        </p:nvGraphicFramePr>
        <p:xfrm>
          <a:off x="812800" y="1001381"/>
          <a:ext cx="10668001" cy="4967759"/>
        </p:xfrm>
        <a:graphic>
          <a:graphicData uri="http://schemas.openxmlformats.org/drawingml/2006/table">
            <a:tbl>
              <a:tblPr firstRow="1" firstCol="1" lastRow="1" lastCol="1" bandRow="1" bandCol="1">
                <a:tableStyleId>{5C22544A-7EE6-4342-B048-85BDC9FD1C3A}</a:tableStyleId>
              </a:tblPr>
              <a:tblGrid>
                <a:gridCol w="256456">
                  <a:extLst>
                    <a:ext uri="{9D8B030D-6E8A-4147-A177-3AD203B41FA5}">
                      <a16:colId xmlns:a16="http://schemas.microsoft.com/office/drawing/2014/main" val="4071248681"/>
                    </a:ext>
                  </a:extLst>
                </a:gridCol>
                <a:gridCol w="2059688">
                  <a:extLst>
                    <a:ext uri="{9D8B030D-6E8A-4147-A177-3AD203B41FA5}">
                      <a16:colId xmlns:a16="http://schemas.microsoft.com/office/drawing/2014/main" val="2596530922"/>
                    </a:ext>
                  </a:extLst>
                </a:gridCol>
                <a:gridCol w="1471356">
                  <a:extLst>
                    <a:ext uri="{9D8B030D-6E8A-4147-A177-3AD203B41FA5}">
                      <a16:colId xmlns:a16="http://schemas.microsoft.com/office/drawing/2014/main" val="2766148047"/>
                    </a:ext>
                  </a:extLst>
                </a:gridCol>
                <a:gridCol w="1407021">
                  <a:extLst>
                    <a:ext uri="{9D8B030D-6E8A-4147-A177-3AD203B41FA5}">
                      <a16:colId xmlns:a16="http://schemas.microsoft.com/office/drawing/2014/main" val="204811806"/>
                    </a:ext>
                  </a:extLst>
                </a:gridCol>
                <a:gridCol w="2646985">
                  <a:extLst>
                    <a:ext uri="{9D8B030D-6E8A-4147-A177-3AD203B41FA5}">
                      <a16:colId xmlns:a16="http://schemas.microsoft.com/office/drawing/2014/main" val="2690311324"/>
                    </a:ext>
                  </a:extLst>
                </a:gridCol>
                <a:gridCol w="2826495">
                  <a:extLst>
                    <a:ext uri="{9D8B030D-6E8A-4147-A177-3AD203B41FA5}">
                      <a16:colId xmlns:a16="http://schemas.microsoft.com/office/drawing/2014/main" val="190718778"/>
                    </a:ext>
                  </a:extLst>
                </a:gridCol>
              </a:tblGrid>
              <a:tr h="996880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6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5908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Similarity Of Patients in Predictive Models Using Medical Data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ultiple Supervised and Unsupervised M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24257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4257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K-Medoids clustering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24257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near Regress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Mean Squared Error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Root Mean Squared Error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 algn="ctr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 algn="ctr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                   No Drawbacks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813757"/>
                  </a:ext>
                </a:extLst>
              </a:tr>
              <a:tr h="1678074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</a:t>
                      </a:r>
                      <a:endParaRPr lang="en-IN" sz="100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 7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>
                        <a:lnSpc>
                          <a:spcPct val="10700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Supervised Patient Similarity Measure of Heterogeneous Patient Records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31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Supervised Metric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44780" algn="ctr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Not mention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LSML [Locally Supervised Metric Learning]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o identify the appropriate and effective secondary uses of EHR data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Data Reduction and in summarizing temporal event sequences in HER data into features that can differentiate patient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3. LSML algorithm and its extension on incremental update face a key challenge in distributed secure environments.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88291354"/>
                  </a:ext>
                </a:extLst>
              </a:tr>
              <a:tr h="572757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8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IRJMETS: Patient Cas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Predictive Based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M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84455" algn="just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NLP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Random Forest Or N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en-IN" sz="1000" b="1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6053781"/>
                  </a:ext>
                </a:extLst>
              </a:tr>
              <a:tr h="790535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9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Deep Patient Similarity Learning for Personalized Healthcar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eep learning frameworks (CNN)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Triplet los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SoftMax-based learning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Accuracy precision, Recall, F1 score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RI and NMI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Difficulty in distinguishing between diseases with overlapping symptoms due to shared clinical characteristics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7678059"/>
                  </a:ext>
                </a:extLst>
              </a:tr>
              <a:tr h="929513">
                <a:tc>
                  <a:txBody>
                    <a:bodyPr/>
                    <a:lstStyle/>
                    <a:p>
                      <a:pPr marL="67945">
                        <a:lnSpc>
                          <a:spcPts val="1340"/>
                        </a:lnSpc>
                      </a:pPr>
                      <a:endParaRPr lang="en-US" sz="1000" spc="-50" dirty="0">
                        <a:effectLst/>
                      </a:endParaRPr>
                    </a:p>
                    <a:p>
                      <a:pPr marL="67945">
                        <a:lnSpc>
                          <a:spcPts val="1340"/>
                        </a:lnSpc>
                      </a:pPr>
                      <a:r>
                        <a:rPr lang="en-US" sz="1000" spc="-50" dirty="0">
                          <a:effectLst/>
                        </a:rPr>
                        <a:t>10</a:t>
                      </a:r>
                      <a:endParaRPr lang="en-IN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7945" marR="298450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AI – Driven Clinical Decision Support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ML and DL Techniques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675" marR="134620">
                        <a:lnSpc>
                          <a:spcPct val="10700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Prediction mode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675" marR="134620">
                        <a:lnSpc>
                          <a:spcPct val="10700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Cosine Similarity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6040">
                        <a:lnSpc>
                          <a:spcPts val="1340"/>
                        </a:lnSpc>
                      </a:pPr>
                      <a:endParaRPr lang="en-US" sz="1000" b="1" spc="-10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1. Top - K Accuracy 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2. Precision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3. Recall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6040">
                        <a:lnSpc>
                          <a:spcPts val="1340"/>
                        </a:lnSpc>
                      </a:pPr>
                      <a:r>
                        <a:rPr lang="en-US" sz="1000" b="1" spc="-10" dirty="0">
                          <a:solidFill>
                            <a:schemeClr val="tx1"/>
                          </a:solidFill>
                          <a:effectLst/>
                        </a:rPr>
                        <a:t>4. F - Measure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5405">
                        <a:lnSpc>
                          <a:spcPts val="1340"/>
                        </a:lnSpc>
                      </a:pPr>
                      <a:endParaRPr lang="en-US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1. High Dimensionality and Complexity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</a:endParaRPr>
                    </a:p>
                    <a:p>
                      <a:pPr marL="65405">
                        <a:lnSpc>
                          <a:spcPts val="1340"/>
                        </a:lnSpc>
                      </a:pPr>
                      <a:r>
                        <a:rPr lang="en-US" sz="1000" b="1" dirty="0">
                          <a:solidFill>
                            <a:schemeClr val="tx1"/>
                          </a:solidFill>
                          <a:effectLst/>
                        </a:rPr>
                        <a:t>2. Limited Generalization.</a:t>
                      </a:r>
                      <a:endParaRPr lang="en-IN" sz="10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060808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875300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Objectiv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IN" sz="1800" dirty="0">
                <a:latin typeface="+mj-lt"/>
              </a:rPr>
              <a:t>Clustering Algorithms for Patient Similarity 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Similarity Metrics for Various Data Types</a:t>
            </a:r>
            <a:endParaRPr lang="en-IN" sz="1800" dirty="0">
              <a:latin typeface="+mj-lt"/>
            </a:endParaRPr>
          </a:p>
          <a:p>
            <a:endParaRPr lang="en-IN" sz="1800" dirty="0">
              <a:latin typeface="+mj-lt"/>
            </a:endParaRPr>
          </a:p>
          <a:p>
            <a:r>
              <a:rPr lang="en-IN" sz="1800" dirty="0">
                <a:latin typeface="+mj-lt"/>
              </a:rPr>
              <a:t>Implementation in Python </a:t>
            </a:r>
          </a:p>
          <a:p>
            <a:endParaRPr lang="en-IN" sz="1800" dirty="0">
              <a:latin typeface="+mj-lt"/>
            </a:endParaRPr>
          </a:p>
          <a:p>
            <a:r>
              <a:rPr lang="en-IN" sz="1800" dirty="0">
                <a:latin typeface="+mj-lt"/>
              </a:rPr>
              <a:t>Web Development</a:t>
            </a:r>
          </a:p>
          <a:p>
            <a:endParaRPr lang="en-US" sz="1800" dirty="0">
              <a:latin typeface="+mj-lt"/>
            </a:endParaRPr>
          </a:p>
          <a:p>
            <a:r>
              <a:rPr lang="en-US" sz="1800" dirty="0">
                <a:latin typeface="+mj-lt"/>
              </a:rPr>
              <a:t>Evaluate the effectiveness of clustering and similarity analysis.</a:t>
            </a:r>
            <a:endParaRPr lang="en-IN" sz="1800" dirty="0">
              <a:latin typeface="+mj-lt"/>
            </a:endParaRPr>
          </a:p>
          <a:p>
            <a:endParaRPr lang="en-IN" sz="1800" dirty="0">
              <a:latin typeface="+mj-lt"/>
            </a:endParaRPr>
          </a:p>
          <a:p>
            <a:r>
              <a:rPr lang="en-IN" sz="1800" dirty="0">
                <a:latin typeface="+mj-lt"/>
              </a:rPr>
              <a:t>Addressing Limitations and Challenges</a:t>
            </a:r>
            <a:endParaRPr lang="en-GB" sz="18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66672955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+mj-lt"/>
              </a:rPr>
              <a:t>Methodology/Modules</a:t>
            </a:r>
          </a:p>
        </p:txBody>
      </p:sp>
      <p:pic>
        <p:nvPicPr>
          <p:cNvPr id="5" name="Content Placeholder 4" descr="A diagram of a patient case use cases&#10;&#10;Description automatically generated">
            <a:extLst>
              <a:ext uri="{FF2B5EF4-FFF2-40B4-BE49-F238E27FC236}">
                <a16:creationId xmlns:a16="http://schemas.microsoft.com/office/drawing/2014/main" id="{440DA5F1-FC9B-7091-68C3-8CF1561FA93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800" y="1022839"/>
            <a:ext cx="4953000" cy="4953000"/>
          </a:xfr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54469EB-FC21-F10A-D71F-242C7F05CBBB}"/>
              </a:ext>
            </a:extLst>
          </p:cNvPr>
          <p:cNvSpPr txBox="1"/>
          <p:nvPr/>
        </p:nvSpPr>
        <p:spPr>
          <a:xfrm>
            <a:off x="5951136" y="1859339"/>
            <a:ext cx="6240863" cy="28623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IN" dirty="0"/>
              <a:t>The workflow for a patient case similarity system in healthcare involve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ubmit Patient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imilarity Calcul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Resul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Update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Manage Data Mod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IN" dirty="0"/>
              <a:t>System Security</a:t>
            </a:r>
          </a:p>
          <a:p>
            <a:r>
              <a:rPr lang="en-IN" dirty="0"/>
              <a:t>This feedback loop helps healthcare professionals gain actionable insights.</a:t>
            </a:r>
          </a:p>
        </p:txBody>
      </p:sp>
    </p:spTree>
    <p:extLst>
      <p:ext uri="{BB962C8B-B14F-4D97-AF65-F5344CB8AC3E}">
        <p14:creationId xmlns:p14="http://schemas.microsoft.com/office/powerpoint/2010/main" val="23149447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zLjAsIkxlZnQiOjAuMCwiUmlnaHQiOjAuMCwiQm90dG9tIjozLjB9LCJCYWNrZ3JvdW5kIjp7IiRpZCI6IjMwIiwiQ29sb3IiOnsiJGlkIjoiMzEiLCJBIjoyNTUsIlIiOjQsIkciOjk3LCJCIjoxMjN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y4wLCJMZWZ0IjowLjAsIlJpZ2h0IjowLjAsIkJvdHRvbSI6My4wfSwiQmFja2dyb3VuZCI6eyIkaWQiOiIzOCIsIkNvbG9yIjp7IiRpZCI6IjM5IiwiQSI6MjU1LCJSIjo0LCJHIjo5NywiQiI6MTIz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MuMCwiTGVmdCI6MC4wLCJSaWdodCI6MC4wLCJCb3R0b20iOjMuMH0sIkJhY2tncm91bmQiOnsiJGlkIjoiNDYiLCJDb2xvciI6eyIkaWQiOiI0NyIsIkEiOjI1NSwiUiI6NCwiRyI6OTcsIkIiOjEyM3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OCwiRm9udE5hbWUiOiJDYWxpYnJpIiwiSXNCb2xkIjp0cnVlLCJJc0l0YWxpYyI6ZmFsc2UsIklzVW5kZXJsaW5lZCI6ZmFsc2UsIlBhcmVudFN0eWxlIjpudWxsfSwiQXV0b1NpemUiOjAsIkZvcmVncm91bmQiOnsiJGlkIjoiNTMiLCJDb2xvciI6eyIkaWQiOiI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CIsIlRvcCI6MC4wLCJMZWZ0Ijo0NC41MDY2NjY2NjY2NjY2NjE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1LjAsIlJpZ2h0Ijow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mZhbHNl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GlkIjoiMTQ3IiwiQSI6ODksIlIiOjAsIkciOjAsIkIiOjB9fSwiSXNWaXNpYmxlIjp0cnVlLCJXaWR0aCI6MC4wLCJIZWlnaHQiOjAuMCwiQm9yZGVyU3R5bGUiOnsiJGlkIjoiMTQ4IiwiTGluZUNvbG9yIjpudWxsLCJMaW5lV2VpZ2h0IjowLjAsIkxpbmVUeXBlIjowLCJQYXJlbnRTdHlsZSI6bnVsbH0sIlBhcmVudFN0eWxlIjpudWxsfSwiRGF0ZUZvcm1hdCI6eyIkaWQiOiIx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g5LCJSIjowLCJHIjowLCJCIjowfX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pZCI6IjE4MCIsIkNvbG9yIjp7IiRpZCI6IjE4MSIsIkEiOjg5LCJSIjowLCJHIjowLCJCIjowfX0sIklzVmlzaWJsZSI6dHJ1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CIsIkZvcm1hdCI6MCwiSXNWaXNpYmxlIjpmYWxzZSwiTGFzdEtub3duVmlzaWJpbGl0eVN0YXRlIjpmYWxzZX0sIklzVmlzaWJsZSI6dHJ1ZSwiUGFyZW50U3R5bGUiOm51bGx9LCJEZWZhdWx0VGFza1N0eWxlIjp7IiRpZCI6IjE4NSIsIlNoYXBlIjoxLCJTaGFwZVRoaWNrbmVzcyI6MS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udWxsfSwiQXV0b1NpemUiOjAsIkZvcmVncm91bmQiOnsiJGlkIjoiMTg4IiwiQ29sb3IiOnsiJGlkIjoiMT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R1cmF0aW9u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SIsIlRvcCI6MC4wLCJMZWZ0IjowLjAsIlJpZ2h0IjowLjAsIkJvdHRvbSI6MC4wfSwiUGFkZGluZyI6eyIkaWQiOiIyMDAiLCJUb3AiOjAuMCwiTGVmdCI6MC4wLCJSaWdodCI6MC4wLCJCb3R0b20iOjAuMH0sIkJhY2tncm91bmQiOnsiJGlkIjoiMjAxIiwiQ29sb3IiOnsiJGlkIjoiMjAyIiwiQSI6ODksIlIiOjAsIkciOjAsIkIiOjB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TIsIkciOjIzNCwiQiI6MjU1fX0sIkxpbmVXZWlnaHQiOjEuMCwiTGluZVR5cGUiOjAsIlBhcmVudFN0eWxlIjpudWxsfSwiVmVydGljYWxDb25uZWN0b3JTdHlsZSI6eyIkaWQiOiIyMDciLCJMaW5lQ29sb3IiOnsiJGlkIjoiMjA4IiwiJHR5cGUiOiJOTFJFLkNvbW1vbi5Eb20uU29saWRDb2xvckJydXNoLCBOTFJFLkNvbW1vbiIsIkNvbG9yIjp7IiRpZCI6IjIwO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g5LCJSIjowLCJHIjowLCJCIjow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g5LCJSIjowLCJHIjowLCJCIjowfX0sIklzVmlzaWJsZSI6dHJ1ZSwiV2lkdGgiOjAuMCwiSGVpZ2h0IjowLjAsIkJvcmRlclN0eWxlIjp7IiRpZCI6IjIzNSIsIkxpbmVDb2xvciI6bnVsbCwiTGluZVdlaWdodCI6MC4wLCJMaW5lVHlwZSI6MCwiUGFyZW50U3R5bGUiOm51bGx9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wsIl9leHBsaWNpdGx5U2V0Ijp7IiRpZCI6IjIzO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pbGVzdG9uZVN0eWxlIjpudWxsLCJHcmlkbGluZVBhbmVsU3R5bGUiOnsiJGlkIjoiMjM5IiwiR3JpZGxpbmVTdHlsZSI6eyIkaWQiOiIyNDAiLCJMaW5lQ29sb3IiOnsiJGlkIjoiMjQxIiwiJHR5cGUiOiJOTFJFLkNvbW1vbi5Eb20uU29saWRDb2xvckJydXNoLCBOTFJFLkNvbW1vbiIsIkNvbG9yIjp7IiRpZCI6IjI0MiIsIkEiOjM4LCJSIjo5MSwiRyI6MTU1LCJCIjoyMTN9fSwiTGluZVdlaWdodCI6MS4wLCJMaW5lVHlwZSI6MCwiUGFyZW50U3R5bGUiOm51bGx9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udWxs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SXNBYm92ZVRpbWViYW5kIjpmYWxzZSwiU3BhY2luZyI6MiwiRGVmYXVsdFN3aW1sYW5lVGFza1N0eWxlIjp7IiRpZCI6IjI5MSIsIiR0eXBlIjoiTkxSRS5Db21tb24uRG9tLlN0eWxlcy5FeHBsaWNpdFNldGFibGVUYXNrU3R5bGUsIE5MUkUuQ29tbW9uIiwiU2hhcGUiOjE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aWQiOiIy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NiIsIlRvcCI6MC4wLCJMZWZ0IjowLjAsIlJpZ2h0IjowLjAsIkJvdHRvbSI6MC4wfSwiUGFkZGluZyI6eyIkaWQiOiIyOTciLCJUb3AiOjAuMCwiTGVmdCI6MC4wLCJSaWdodCI6MC4wLCJCb3R0b20iOjAuMH0sIkJhY2tncm91bmQiOnsiJGlkIjoiMjk4IiwiQ29sb3IiOnsiJGlkIjoiMjk5IiwiQSI6ODksIlIiOjAsIkciOjAsIkIiOjB9fSwiSXNWaXNpYmxlIjp0cnVlLCJXaWR0aCI6MC4wLCJIZWlnaHQiOjAuMCwiQm9yZGVyU3R5bGUiOnsiJGlkIjoiMzAwIiwiTGluZUNvbG9yIjpudWxsLCJMaW5lV2VpZ2h0IjowLjAsIkxpbmVUeXBlIjowLCJQYXJlbnRTdHlsZSI6bnVsbH0sIlBhcmVudFN0eWxlIjpudWxsfSwiRHVyYXRpb25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aWQiOiIzMDciLCJDb2xvciI6eyIkaWQiOiIzMDgiLCJBIjo4OSwiUiI6MCwiRyI6MCwiQiI6MH1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pZCI6IjMxMSIsIiR0eXBlIjoiTkxSRS5Db21tb24uRG9tLlNvbGlkQ29sb3JCcnVzaCwgTkxSRS5Db21tb24iLCJDb2xvciI6eyIkaWQiOiIzMTIiLCJBIjoyNTUsIlIiOjIxMiwiRyI6MjM0LCJCIjoyNTV9fSwiTGluZVdlaWdodCI6MS4wLCJMaW5lVHlwZSI6MCwiUGFyZW50U3R5bGUiOm51bGx9LCJWZXJ0aWNhbENvbm5lY3RvclN0eWxlIjp7IiRpZCI6IjMxMyIsIkxpbmVDb2xvciI6eyIkaWQiOiIzMTQiLCIkdHlwZSI6Ik5MUkUuQ29tbW9uLkRvbS5Tb2xpZENvbG9yQnJ1c2gsIE5MUkUuQ29tbW9uIiwiQ29sb3IiOnsiJGlkIjoiMzE1IiwiQSI6MjU1LCJSIjoyMTIsIkciOjIzNCwiQiI6MjU1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MxNiIsIk1hcmdpbiI6eyIkaWQiOiIzMTciLCJUb3AiOjAuMCwiTGVmdCI6NC4wLCJSaWdodCI6NC4wLCJCb3R0b20iOjAuMH0sIlBhZGRpbmciOnsiJGlkIjoiMzE4IiwiVG9wIjowLjAsIkxlZnQiOjAuMCwiUmlnaHQiOjAuMCwiQm90dG9tIjowLjB9LCJCYWNrZ3JvdW5kIjp7IiRpZCI6IjMxOSIsIkNvbG9yIjp7IiRpZCI6IjMyMCIsIkEiOjI1NSwiUiI6MTI0LCJHIjoyMDIsIkIiOjk4fX0sIklzVmlzaWJsZSI6dHJ1ZSwiV2lkdGgiOjAuMCwiSGVpZ2h0IjoxNi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IsIkZvbnROYW1lIjoiQ2FsaWJyaSIsIklzQm9sZCI6dHJ1ZSwiSXNJdGFsaWMiOmZhbHNlLCJJc1VuZGVybGluZWQiOmZhbHNlLCJQYXJlbnRTdHlsZSI6bnVsbH0sIkF1dG9TaXplIjowLCJGb3JlZ3JvdW5kIjp7IiRpZCI6IjMyNiIsIkNvbG9yIjp7IiRpZCI6IjMyNyIsIkEiOjI1NSwiUiI6NCwiRyI6OTcsIkIiOjEyM319LCJNYXhXaWR0aCI6OTYwLjAsIk1heEhlaWdodCI6IkluZmluaXR5IiwiU21hcnRGb3JlZ3JvdW5kSXNBY3RpdmUiOmZhbHNlLCJIb3Jpem9udGFsQWxpZ25tZW50Ijoy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g5LCJSIjowLCJHIjowLCJCIjow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7IiRpZCI6IjM0MSIsIkxpbmVDb2xvciI6bnVsbCwiTGluZVdlaWdodCI6MC4wLCJMaW5lVHlwZSI6MCwiUGFyZW50U3R5bGUiOm51bGx9LCJQYXJlbnRTdHlsZSI6bnVsbH0sIkRhdGVGb3JtYXQiOnsiJGlkIjoiMz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yIsIkZvcm1hdCI6MCwiSXNWaXNpYmxlIjpmYWxzZSwiTGFzdEtub3duVmlzaWJpbGl0eVN0YXRlIjpmYWxzZX0sIklzVmlzaWJsZSI6dHJ1ZSwiUGFyZW50U3R5bGUiOm51bGwsIl9leHBsaWNpdGx5U2V0Ijp7IiRpZCI6IjM0NCIsIlNoYXBlU3R5bGUiOmZhbHNlLCJUaXRsZVN0eWxlIjpmYWxzZSwiRGF0ZVN0eWxlIjpmYWxzZSwiSG9yaXpvbnRhbENvbm5lY3RvclN0eWxlIjpmYWxzZSwiVmVydGljYWxDb25uZWN0b3JTdHlsZSI6ZmFsc2UsIlBlcmNlbnRhZ2VDb21wbGV0ZVNoYXBlT3BhY2l0eSI6ZmFsc2UsIkRhdGVGb3JtYXQiOmZhbHNlLCJJc1Zpc2libGU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I1NSwiUiI6MTI0LCJHIjoyMDIsIkIiOjk4fX0sIklzVmlzaWJsZSI6dHJ1ZSwiV2lkdGgiOjEzLjAsIkhlaWdodCI6MTM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yLCJGb250TmFtZSI6IkNhbGlicmkiLCJJc0JvbGQiOnRydWUsIklzSXRhbGljIjpmYWxzZSwiSXNVbmRlcmxpbmVkIjpmYWxzZSwiUGFyZW50U3R5bGUiOm51bGx9LCJBdXRvU2l6ZSI6MCwiRm9yZWdyb3VuZCI6eyIkaWQiOiIzNjEiLCJDb2xvciI6eyIkaWQiOiIzN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4OSwiUiI6MCwiRyI6MCwiQiI6MH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jAsIkxlZnQiOjAuMCwiUmlnaHQiOjAuMCwiQm90dG9tIjowLjB9LCJQYWRkaW5nIjp7IiRpZCI6IjM3MyIsIlRvcCI6MC4wLCJMZWZ0IjowLjAsIlJpZ2h0IjowLjAsIkJvdHRvbSI6MC4wfSwiQmFja2dyb3VuZCI6eyIkaWQiOiIzNzQiLCJDb2xvciI6eyIkaWQiOiIzNzUiLCJBIjo4OSwiUiI6MCwiRyI6MCwiQiI6MH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EyLCJGb250TmFtZSI6IkNhbGlicmkiLCJJc0JvbGQiOnRydWUsIklzSXRhbGljIjpmYWxzZSwiSXNVbmRlcmxpbmVkIjpmYWxzZSwiUGFyZW50U3R5bGUiOm51bGx9LCJBdXRvU2l6ZSI6MCwiRm9yZWdyb3VuZCI6eyIkaWQiOiIzOTAiLCJDb2xvciI6eyIkaWQiOiIz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aWQiOiIzOTQiLCJDb2xvciI6eyIkaWQiOiIzOTUiLCJBIjo4OSwiUiI6MCwiRyI6MCwiQiI6MH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bnVsbCwiSXNWaXNpYmxlIjp0cnVlLCJXaWR0aCI6MC4wLCJIZWlnaHQiOjAuMCwiQm9yZGVyU3R5bGUiOm51bGwsIlBhcmVudFN0eWxlIjpudWxsfSwiUmVjdGFuZ2x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NjMsIlIiOjEyNCwiRyI6MjAyLCJCIjo5OH19LCJJc1Zpc2libGUiOnRydWUsIldpZHRoIjowLjAsIkhlaWdodCI6MC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m51bGx9LCJNYXJnaW4iOnsiJGlkIjoiNDI0IiwiVG9wIjowLjAsIkxlZnQiOjAuMCwiUmlnaHQiOjAuMCwiQm90dG9tIjowLjB9LCJQYWRkaW5nIjp7IiRpZCI6IjQyNSIsIlRvcCI6MC4wLCJMZWZ0IjowLjAsIlJpZ2h0IjowLjAsIkJvdHRvbSI6MC4wfSwiQmFja2dyb3VuZCI6bnVsbCwiSXNWaXNpYmxlIjp0cnVlLCJXaWR0aCI6MC4wLCJIZWlnaHQiOjAuMCwiQm9yZGVyU3R5bGUiOm51bGwsIlBhcmVudFN0eWxlIjpudWxsfSwiQmFja2dyb3VuZF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UxLCJSIjoxMjQsIkciOjIwMiwiQiI6OTh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3OSwiRyI6MTI5LCJCIjoxODl9fSwiTGluZVdlaWdodCI6MS4wLCJMaW5lVHlwZSI6MCwiUGFyZW50U3R5bGUiOm51bGx9LCJJc0JlbG93VGltZWJhbmQiOnRydWUsIlBvc2l0aW9uT25UYXNrIjowLCJIaWRlRGF0ZSI6ZmFsc2UsIlNoYXBlU2l6ZSI6MSwiU3BhY2luZyI6MC4wLCJQYWRkaW5nIjp7IiRpZCI6IjQ1MiIsIlRvcCI6NS4wLCJMZWZ0IjozLjAsIlJpZ2h0IjowLjAsIkJvdHRvbSI6Mi4wfSwiU2hhc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yNTUsIlIiOjE2NSwiRyI6MTk0LCJCIjo3M319LCJJc1Zpc2libGUiOnRydWUsIldpZHRoIjoxOC4wLCJIZWlnaHQiOjI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lRpdGxlU3R5bGUiOnsiJGlkIjoiNDYxIiwiRm9udFNldHRpbmdzIjp7IiRpZCI6IjQ2MiIsIkZvbnRTaXplIjoxMiwiRm9udE5hbWUiOiJDYWxpYnJpIiwiSXNCb2xkIjp0cnV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wLCJSIjoyNTUsIkciOjI1NSwiQiI6MjU1fX0sIklzVmlzaWJsZSI6dHJ1ZSwiV2lkdGgiOjAuMCwiSGVpZ2h0IjowLjAsIkJvcmRlclN0eWxlIjp7IiRpZCI6IjQ3OCIsIkxpbmVDb2xvciI6bnVsbCwiTGluZVdlaWdodCI6MC4wLCJMaW5lVHlwZSI6MCwiUGFyZW50U3R5bGUiOm51bGx9LCJQYXJlbnRTdHlsZSI6bnVsbH0sIkRhdGVGb3JtYXQiOnsiJGlkIjoi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dHJ1ZSwiUG9zaXRpb25PblRhc2siOjAsIkhpZGVEYXRlIjpmYWxzZSwiU2hhcGVTaXplIjoxLCJTcGFjaW5nIjowLjAsIlBhZGRpbmciOnsiJGlkIjoiNDg5IiwiVG9wIjo1LjAsIkxlZnQiOjMuMCwiUmlnaHQiOjAuMCwiQm90dG9tIjoyLjB9LCJTaGFw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I1NSwiUiI6MjM3LCJHIjoxMjUsIkIiOjQ5fX0sIklzVmlzaWJsZSI6dHJ1ZSwiV2lkdGgiOjE4LjAsIkhlaWdodCI6Mj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y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EwLCJGb250TmFtZSI6IkNhbGlicmkiLCJJc0JvbGQiOmZhbHNlLCJJc0l0YWxpYyI6ZmFsc2UsIklzVW5kZXJsaW5lZCI6ZmFsc2UsIlBhcmVudFN0eWxlIjpudWxsfSwiQXV0b1NpemUiOjAsIkZvcmVncm91bmQiOnsiJGlkIjoiNTA5IiwiQ29sb3IiOnsiJGlkIjoiNT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pZCI6IjUxMyIsIkNvbG9yIjp7IiRpZCI6IjUxNCIsIkEiOjAsIlIiOjI1NSwiRyI6MjU1LCJCIjoyNTV9fSwiSXNWaXNpYmxlIjp0cnVlLCJXaWR0aCI6MC4wLCJIZWlnaHQiOjAuMCwiQm9yZGVyU3R5bGUiOnsiJGlkIjoiNTE1IiwiTGluZUNvbG9yIjpudWxsLCJMaW5lV2VpZ2h0IjowLjAsIkxpbmVUeXBlIjowLCJQYXJlbnRTdHlsZSI6bnVsbH0sIlBhcmVudFN0eWxlIjpudWxsfSwiRGF0ZUZvcm1hdCI6eyIkaWQiOiI1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wLCJSIjoyNTUsIkciOjI1NSwiQiI6MjU1fX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pZCI6IjU4MyIsIkNvbG9yIjp7IiRpZCI6IjU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4OSwiUiI6MCwiRyI6MCwiQiI6MH1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Rm9ybWF0Ijp7IiRpZCI6Ij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g5LCJSIjowLCJHIjowLCJCIjowfX0sIklzVmlzaWJsZSI6dHJ1ZSwiV2lkdGgiOjAuMCwiSGVpZ2h0IjowLjAsIkJvcmRlclN0eWxlIjp7IiRpZCI6IjY2MCIsIkxpbmVDb2xvciI6bnVsbCwiTGluZVdlaWdodCI6MC4wLCJMaW5lVHlwZSI6MCwiUGFyZW50U3R5bGUiOm51bGx9LCJQYXJlbnRTdHlsZSI6bnVsbH0sIkR1cmF0aW9u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aWQiOiI2NzEiLCIkdHlwZSI6Ik5MUkUuQ29tbW9uLkRvbS5Tb2xpZENvbG9yQnJ1c2gsIE5MUkUuQ29tbW9uIiwiQ29sb3IiOnsiJGlkIjoiNjcyIiwiQSI6MjU1LCJSIjoyMTIsIkciOjIzNCwiQiI6MjU1fX0sIkxpbmVXZWlnaHQiOjEuMCwiTGluZVR5cGUiOjAsIlBhcmVudFN0eWxlIjpudWxsfSwiVmVydGljYWxDb25uZWN0b3JTdHlsZSI6eyIkaWQiOiI2NzMiLCJMaW5lQ29sb3IiOnsiJGlkIjoiNjc0IiwiJHR5cGUiOiJOTFJFLkNvbW1vbi5Eb20uU29saWRDb2xvckJydXNoLCBOTFJFLkNvbW1vbiIsIkNvbG9yIjp7IiRpZCI6IjY3NS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2NzYiLCJNYXJnaW4iOnsiJGlkIjoiNjc3IiwiVG9wIjowLjAsIkxlZnQiOjQuMCwiUmlnaHQiOjQuMCwiQm90dG9tIjowLjB9LCJQYWRkaW5nIjp7IiRpZCI6IjY3OCIsIlRvcCI6MC4wLCJMZWZ0IjowLjAsIlJpZ2h0IjowLjAsIkJvdHRvbSI6MC4wfSwiQmFja2dyb3VuZCI6eyIkaWQiOiI2NzkiLCJDb2xvciI6eyIkaWQiOiI2ODAiLCJBIjoyNTUsIlIiOjEyNCwiRyI6MjAyLCJCIjo5OH19LCJJc1Zpc2libGUiOnRydWUsIldpZHRoIjowLjAsIkhlaWdodCI6MTY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eyIkaWQiOiI3MDEiLCJMaW5lQ29sb3IiOm51bGwsIkxpbmVXZWlnaHQiOjAuMCwiTGluZVR5cGUiOjAsIlBhcmVudFN0eWxlIjpudWxsfSwiUGFyZW50U3R5bGUiOm51bGx9LCJEYXRlRm9ybWF0Ijp7IiRpZCI6Ijc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ODksIlIiOjAsIkciOjAsIkIiOjB9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nsiJGlkIjoiNzU1IiwiQ29sb3IiOnsiJGlkIjoiNzU2IiwiQSI6MCwiUiI6MjU1LCJHIjoyNTUsIkIiOjI1NX19LCJJc1Zpc2libGUiOnRydWUsIldpZHRoIjowLjAsIkhlaWdodCI6MC4wLCJCb3JkZXJTdHlsZSI6eyIkaWQiOiI3NTciLCJMaW5lQ29sb3IiOm51bGwsIkxpbmVXZWlnaHQiOjAuMCwiTGluZVR5cGUiOjAsIlBhcmVudFN0eWxlIjpudWxsfSwiUGFyZW50U3R5bGUiOm51bGx9LCJEYXRlRm9ybWF0Ijp7IiRpZCI6Ijc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ODksIlIiOjAsIkciOjAsIkIiOjB9fSwiSXNWaXNpYmxlIjp0cnVlLCJXaWR0aCI6MC4wLCJIZWlnaHQiOjAuMCwiQm9yZGVyU3R5bGUiOnsiJGlkIjoiNzcyIiwiTGluZUNvbG9yIjpudWxsLCJMaW5lV2VpZ2h0IjowLjAsIkxpbmVUeXBlIjowLCJQYXJlbnRTdHlsZSI6bnVsbH0sIlBhcmVudFN0eWxlIjpudWxsfSwiRHVyYXRpb25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c4OCIsIk1hcmdpbiI6eyIkaWQiOiI3ODkiLCJUb3AiOjAuMCwiTGVmdCI6NC4wLCJSaWdodCI6NC4wLCJCb3R0b20iOjAuMH0sIlBhZGRpbmciOnsiJGlkIjoiNzkwIiwiVG9wIjowLjAsIkxlZnQiOjAuMCwiUmlnaHQiOjAuMCwiQm90dG9tIjowLjB9LCJCYWNrZ3JvdW5kIjp7IiRpZCI6Ijc5MSIsIkNvbG9yIjp7IiRpZCI6Ijc5MiIsIkEiOjI1NSwiUiI6MTEsIkciOjIwOCwiQiI6MjE3fX0sIklzVmlzaWJsZSI6dHJ1ZSwiV2lkdGgiOjAuMCwiSGVpZ2h0IjoxNi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IsIkZvbnROYW1lIjoiQ2FsaWJyaSIsIklzQm9sZCI6dHJ1ZSwiSXNJdGFsaWMiOmZhbHNlLCJJc1VuZGVybGluZWQiOmZhbHNlLCJQYXJlbnRTdHlsZSI6bnVsbH0sIkF1dG9TaXplIjowLCJGb3JlZ3JvdW5kIjp7IiRpZCI6Ijc5OCIsIkNvbG9yIjp7IiRpZCI6Ijc5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pZCI6IjgwMiIsIkNvbG9yIjp7IiRpZCI6IjgwMyIsIkEiOjAsIlIiOjI1NSwiRyI6MjU1LCJCIjoyNTV9fSwiSXNWaXNpYmxlIjp0cnVlLCJXaWR0aCI6MC4wLCJIZWlnaHQiOjAuMCwiQm9yZGVyU3R5bGUiOnsiJGlkIjoiODA0IiwiTGluZUNvbG9yIjpudWxsLCJMaW5lV2VpZ2h0IjowLjAsIkxpbmVUeXBlIjowLCJQYXJlbnRTdHlsZSI6bnVsbH0sIlBhcmVudFN0eWxlIjpudWxsfSwiRGF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Rm9ybWF0Ijp7IiRpZCI6Ijg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g5LCJSIjowLCJHIjowLCJCIjowfX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VGl0bGVTdHlsZSI6eyIkaWQiOiI4NTIiLCJGb250U2V0dGluZ3MiOnsiJGlkIjoiODUzIiwiRm9udFNpemUiOjEyLCJGb250TmFtZSI6IkNhbGlicmkiLCJJc0JvbGQiOnRydWUsIklzSXRhbGljIjpmYWxzZSwiSXNVbmRlcmxpbmVkIjpmYWxzZSwiUGFyZW50U3R5bGUiOm51bGx9LCJBdXRvU2l6ZSI6MCwiRm9yZWdyb3VuZCI6eyIkaWQiOiI4NTQiLCJDb2xvciI6eyIkaWQiOiI4NTUiLCJBIjoyNTUsIlIiOjQsIkciOjk3LCJCIjoxMjN9fSwiTWF4V2lkdGgiOjk2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AsIlIiOjI1NSwiRyI6MjU1LCJCIjoyNTV9fSwiSXNWaXNpYmxlIjp0cnVlLCJXaWR0aCI6MC4wLCJIZWlnaHQiOjAuMCwiQm9yZGVyU3R5bGUiOnsiJGlkIjoiODY5IiwiTGluZUNvbG9yIjpudWxsLCJMaW5lV2VpZ2h0IjowLjAsIkxpbmVUeXBlIjowLCJQYXJlbnRTdHlsZSI6bnVsbH0sIlBhcmVudFN0eWxlIjpudWxsfSwiRGF0ZUZvcm1hdCI6eyIkaWQiOiI4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DkiLCJUb3AiOjAuMCwiTGVmdCI6MC4wLCJSaWdodCI6MC4wLCJCb3R0b20iOjAuMH0sIlBhZGRpbmciOnsiJGlkIjoiODkwIiwiVG9wIjowLjAsIkxlZnQiOjAuMCwiUmlnaHQiOjAuMCwiQm90dG9tIjowLjB9LCJCYWNrZ3JvdW5kIjp7IiRpZCI6Ijg5MSIsIkNvbG9yIjp7IiRpZCI6Ijg5MiIsIkEiOjg5LCJSIjowLCJHIjowLCJCIjow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EyLCJHIjoyMzQsIkIiOjI1NX19LCJMaW5lV2VpZ2h0IjoxLjAsIkxpbmVUeXBlIjowLCJQYXJlbnRTdHlsZSI6bnVsbH0sIlZlcnRpY2FsQ29ubmVjdG9yU3R5bGUiOnsiJGlkIjoiODk3IiwiTGluZUNvbG9yIjp7IiRpZCI6Ijg5OCIsIiR0eXBlIjoiTkxSRS5Db21tb24uRG9tLlNvbGlkQ29sb3JCcnVzaCwgTkxSRS5Db21tb24iLCJDb2xvciI6eyIkaWQiOiI4OT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AwIiwiTWFyZ2luIjp7IiRpZCI6IjkwMSIsIlRvcCI6MC4wLCJMZWZ0Ijo0LjAsIlJpZ2h0Ijo0LjAsIkJvdHRvbSI6MC4wfSwiUGFkZGluZyI6eyIkaWQiOiI5MDIiLCJUb3AiOjAuMCwiTGVmdCI6MC4wLCJSaWdodCI6MC4wLCJCb3R0b20iOjAuMH0sIkJhY2tncm91bmQiOnsiJGlkIjoiOTAzIiwiQ29sb3IiOnsiJGlkIjoiOTA0IiwiQSI6MjU1LCJSIjoxMSwiRyI6MjA4LCJCIjoyMTd9fSwiSXNWaXNpYmxlIjp0cnVlLCJXaWR0aCI6MC4wLCJIZWlnaHQiOjE2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lRpdGxlU3R5bGUiOnsiJGlkIjoiOTA4IiwiRm9udFNldHRpbmdzIjp7IiRpZCI6IjkwOSIsIkZvbnRTaXplIjoxMiwiRm9udE5hbWUiOiJDYWxpYnJpIiwiSXNCb2xkIjp0cnVlLCJJc0l0YWxpYyI6ZmFsc2UsIklzVW5kZXJsaW5lZCI6ZmFsc2UsIlBhcmVudFN0eWxlIjpudWxsfSwiQXV0b1NpemUiOjAsIkZvcmVncm91bmQiOnsiJGlkIjoiOTEwIiwiQ29sb3IiOnsiJGlkIjoiOTE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xIiwiVG9wIjowLjAsIkxlZnQiOjAuMCwiUmlnaHQiOjAuMCwiQm90dG9tIjowLjB9LCJQYWRkaW5nIjp7IiRpZCI6IjkyMiIsIlRvcCI6MC4wLCJMZWZ0IjowLjAsIlJpZ2h0IjowLjAsIkJvdHRvbSI6MC4wfSwiQmFja2dyb3VuZCI6eyIkaWQiOiI5MjMiLCJDb2xvciI6eyIkaWQiOiI5MjQiLCJBIjowLCJSIjoyNTUsIkciOjI1NSwiQiI6MjU1fX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OTU2IiwiTWFyZ2luIjp7IiRpZCI6Ijk1NyIsIlRvcCI6MC4wLCJMZWZ0Ijo0LjAsIlJpZ2h0Ijo0LjAsIkJvdHRvbSI6MC4wfSwiUGFkZGluZyI6eyIkaWQiOiI5NTgiLCJUb3AiOjAuMCwiTGVmdCI6MC4wLCJSaWdodCI6MC4wLCJCb3R0b20iOjAuMH0sIkJhY2tncm91bmQiOnsiJGlkIjoiOTU5IiwiQ29sb3IiOnsiJGlkIjoiOTYwIiwiQSI6MjU1LCJSIjoxMjQsIkciOjIwMiwiQiI6OTh9fSwiSXNWaXNpYmxlIjp0cnVlLCJXaWR0aCI6MC4wLCJIZWlnaHQiOjE2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iwiRm9udE5hbWUiOiJDYWxpYnJpIiwiSXNCb2xkIjp0cnVlLCJJc0l0YWxpYyI6ZmFsc2UsIklzVW5kZXJsaW5lZCI6ZmFsc2UsIlBhcmVudFN0eWxlIjpudWxsfSwiQXV0b1NpemUiOjAsIkZvcmVncm91bmQiOnsiJGlkIjoiOTY2IiwiQ29sb3IiOnsiJGlkIjoiOTY3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7IiRpZCI6Ijk4MSIsIkxpbmVDb2xvciI6bnVsbCwiTGluZVdlaWdodCI6MC4wLCJMaW5lVHlwZSI6MCwiUGFyZW50U3R5bGUiOm51bGx9LCJQYXJlbnRTdHlsZSI6bnVsbH0sIkRhdGVGb3JtYXQiOnsiJGlkIjoiO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GlkIjoiMTAwNCIsIkEiOjg5LCJSIjowLCJHIjowLCJCIjow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xMiwiRyI6MjM0LCJCIjoyNTV9fSwiTGluZVdlaWdodCI6MS4wLCJMaW5lVHlwZSI6MCwiUGFyZW50U3R5bGUiOm51bGx9LCJWZXJ0aWNhbENvbm5lY3RvclN0eWxlIjp7IiRpZCI6IjEwMDkiLCJMaW5lQ29sb3IiOnsiJGlkIjoiMTAxMCIsIiR0eXBlIjoiTkxSRS5Db21tb24uRG9tLlNvbGlkQ29sb3JCcnVzaCwgTkxSRS5Db21tb24iLCJDb2xvciI6eyIkaWQiOiIxMDEx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MTIiLCJNYXJnaW4iOnsiJGlkIjoiMTAxMyIsIlRvcCI6MC4wLCJMZWZ0Ijo0LjAsIlJpZ2h0Ijo0LjAsIkJvdHRvbSI6MC4wfSwiUGFkZGluZyI6eyIkaWQiOiIxMDE0IiwiVG9wIjowLjAsIkxlZnQiOjAuMCwiUmlnaHQiOjAuMCwiQm90dG9tIjowLjB9LCJCYWNrZ3JvdW5kIjp7IiRpZCI6IjEwMTUiLCJDb2xvciI6eyIkaWQiOiIxMDE2IiwiQSI6MjU1LCJSIjoxMSwiRyI6MjA4LCJCIjoyMTd9fSwiSXNWaXNpYmxlIjp0cnVlLCJXaWR0aCI6MC4wLCJIZWlnaHQiOjE2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lRpdGxlU3R5bGUiOnsiJGlkIjoiMTAyMCIsIkZvbnRTZXR0aW5ncyI6eyIkaWQiOiIxMDIxIiwiRm9udFNpemUiOjEyLCJGb250TmFtZSI6IkNhbGlicmkiLCJJc0JvbGQiOnRydWUsIklzSXRhbGljIjpmYWxzZSwiSXNVbmRlcmxpbmVkIjpmYWxzZSwiUGFyZW50U3R5bGUiOm51bGx9LCJBdXRvU2l6ZSI6MCwiRm9yZWdyb3VuZCI6eyIkaWQiOiIxMDIyIiwiQ29sb3IiOnsiJGlkIjoiMTAyMy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aWQiOiIxMDM1IiwiQ29sb3IiOnsiJGlkIjoiMTAzNiIsIkEiOjAsIlIiOjI1NSwiRyI6MjU1LCJCIjoyNTV9fSwiSXNWaXNpYmxlIjp0cnVlLCJXaWR0aCI6MC4wLCJIZWlnaHQiOjAuMCwiQm9yZGVyU3R5bGUiOnsiJGlkIjoiMTAzNyIsIkxpbmVDb2xvciI6bnVsbCwiTGluZVdlaWdodCI6MC4wLCJMaW5lVHlwZSI6MCwiUGFyZW50U3R5bGUiOm51bGx9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Q4IiwiVG9wIjowLjAsIkxlZnQiOjAuMCwiUmlnaHQiOjAuMCwiQm90dG9tIjowLjB9LCJQYWRkaW5nIjp7IiRpZCI6IjEwNDkiLCJUb3AiOjAuMCwiTGVmdCI6MC4wLCJSaWdodCI6MC4wLCJCb3R0b20iOjAuMH0sIkJhY2tncm91bmQiOnsiJGlkIjoiMTA1MCIsIkNvbG9yIjp7IiRpZCI6IjEwNTEiLCJBIjo4OSwiUiI6MCwiRyI6MCwiQiI6MH19LCJJc1Zpc2libGUiOnRydWUsIldpZHRoIjowLjAsIkhlaWdodCI6MC4wLCJCb3JkZXJTdHlsZSI6eyIkaWQiOiIxMDUyIiwiTGluZUNvbG9yIjpudWxsLCJMaW5lV2VpZ2h0IjowLjAsIkxpbmVUeXBlIjowLCJQYXJlbnRTdHlsZSI6bnVsbH0sIlBhcmVudFN0eWxlIjpudWxsfSwiRHVyYXRpb25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GlkIjoiMTA5MiIsIkEiOjAsIlIiOjI1NSwiRyI6MjU1LCJCIjoyNTV9fSwiSXNWaXNpYmxlIjp0cnVlLCJXaWR0aCI6MC4wLCJIZWlnaHQiOjAuMCwiQm9yZGVyU3R5bGUiOnsiJGlkIjoiMTA5MyIsIkxpbmVDb2xvciI6bnVsbCwiTGluZVdlaWdodCI6MC4wLCJMaW5lVHlwZSI6MCwiUGFyZW50U3R5bGUiOm51bGx9LCJQYXJlbnRTdHlsZSI6bnVsbH0sIkRhdGVGb3JtYXQiOnsiJGlkIjoiMTA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EdXJhdGlvblN0eWxlIjp7IiRpZCI6IjExMDkiLCJGb250U2V0dGluZ3MiOnsiJGlkIjoiMTExMCIsIkZvbnRTaXplIjoxMCwiRm9udE5hbWUiOiJDYWxpYnJpIiwiSXNCb2xkIjpmYWxzZSwiSXNJdGFsaWMiOmZhbHNlLCJJc1VuZGVybGluZWQiOmZhbHNlLCJQYXJlbnRTdHlsZSI6bnVsbH0sIkF1dG9TaXplIjowLCJGb3JlZ3JvdW5kIjp7IiRpZCI6IjExMTEiLCJDb2xvciI6eyIkaWQiOiIxMT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GlkIjoiMTEzOSIsIkEiOjAsIlIiOjI1NSwiRyI6MjU1LCJCIjoyNTV9fSwiSXNWaXNpYmxlIjp0cnVlLCJXaWR0aCI6MC4wLCJIZWlnaHQiOjAuMCwiQm9yZGVyU3R5bGUiOnsiJGlkIjoiMTE0MCIsIkxpbmVDb2xvciI6bnVsbCwiTGluZVdlaWdodCI6MC4wLCJMaW5lVHlwZSI6MCwiUGFyZW50U3R5bGUiOm51bGx9LCJQYXJlbnRTdHlsZSI6bnVsbH0sIkRhdGV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g5LCJSIjowLCJHIjowLCJCIjowfX0sIklzVmlzaWJsZSI6dHJ1ZSwiV2lkdGgiOjAuMCwiSGVpZ2h0IjowLjAsIkJvcmRlclN0eWxlIjp7IiRpZCI6IjExNjQiLCJMaW5lQ29sb3IiOm51bGwsIkxpbmVXZWlnaHQiOjAuMCwiTGluZVR5cGUiOjAsIlBhcmVudFN0eWxlIjpudWxsfSwiUGFyZW50U3R5bGUiOm51bGx9LCJEdXJhdGlvbl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LFwiR1wiOjk3LFwiQlwiOjEyM3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LFwiR1wiOjk3LFwiQlwiOjEyM319LFwiSXNWaXNpYmxlXCI6ZmFsc2UsXCJXaWR0aFwiOjAuMCxcIkhlaWdodFwiOjAuMCxcIkJvcmRlclN0eWxlXCI6bnVsbH0sXCJUYXNrU3R5bGVcIjp7XCIkaWRcIjpcIjQ0XCIsXCJTaGFwZVwiOjE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jQsXCJHXCI6MjAyLFwiQlwiOjk4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DYWxpYnJpXCIsXCJJc0JvbGRcIjp0cnVlLFwiSXNJdGFsaWNcIjpmYWxzZSxcIklzVW5kZXJsaW5lZFwiOmZhbHNlfSxcIkZvcmVncm91bmRcIjp7XCIkaWRcIjpcIjc2XCIsXCJDb2xvclwiOntcIiRpZFwiOlwiNzdcIixcIkFcIjoyNTUsXCJSXCI6NCxcIkdcIjo5NyxcIkJcIjoxMjN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nRydW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jUsXCJHXCI6MTk0LFwiQlwiOjcz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I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2NSxcIkdcIjoxOTQsXCJCXCI6NzN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i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TEyNjRmNi1lMDlkLTRhNGQtOGUwZS01MjVkODY3NWE3NDJ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MjQsXCJHXCI6MjAyLFwiQlwiOjk4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yNCxcIkdcIjoyMDIsXCJCXCI6OTh9fSxcIklzVmlzaWJsZVwiOnRydWUsXCJXaWR0aFwiOjAuMCxcIkhlaWdodFwiOjAuMCxcIkJvcmRlclN0eWxlXCI6e1wiJGlkXCI6XCIxNDZcIixcIkxpbmVTdHlsZVwiOntcIiRpZFwiOlwiMTQ3XCIsXCJMaW5lQ29sb3JcIjp7XCIkaWRcIjpcIjE0OFwiLFwiQ29sb3JcIjp7XCIkaWRcIjpcIjE0OVwiLFwiQVwiOjI1NSxcIlJcIjoyNTUsXCJHXCI6MCxcIkJcIjo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jQsXCJHXCI6MjAyLFwiQlwiOjk4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yNCxcIkdcIjoyMDIsXCJCXCI6OTh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0LFwiR1wiOjIwMixcIkJcIjo5OH19LFwiSXNWaXNpYmxlXCI6dHJ1ZSxcIldpZHRoXCI6MTMuMCxcIkhlaWdodFwiOjEz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MTA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EyNCxcIkdcIjoyMDIsXCJCXCI6OTh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0LFwiR1wiOjk3LFwiQlwiOjEyM3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I0LFwiR1wiOjIwMixcIkJcIjo5O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i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UsXCJTcGFjaW5nQmVsb3dUaW1lYmFuZFwiOjUsXCJTcGFjaW5nQWJvdmVCZXR3ZWVuU3dpbWxhbmVzQW5kVGFza3NcIjo1LFwiU3BhY2luZ0JlbG93QmV0d2VlblN3aW1sYW5lc0FuZFRhc2tzXCI6NX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CxcIkdcIjo5NyxcIkJcIjoxMjN9LFwiQWNjZW50M1wiOntcIiRpZFwiOlwiMjc3XCIsXCJBXCI6MjU1LFwiUlwiOjEyNCxcIkdcIjoyMDIsXCJCXCI6OTh9LFwiQWNjZW50NFwiOntcIiRpZFwiOlwiMjc4XCIsXCJBXCI6MjU1LFwiUlwiOjEyNCxcIkdcIjoyMDIsXCJCXCI6OTh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IsIlJlY2VudENvbG9yc0NvbGxlY3Rpb24iOiJbXCIjRkY3Q0NBNjJcIixcIiNGRjBCRDBEOVwiLFwiI0ZGQTVDMjQ5XCIsXCIjRkZFRDdEMzFcIl0ifSwiU2V0dGluZ3MiOnsiJGlkIjoiMTIxMiIsIkltcGFPcHRpb25zIjp7IiRpZCI6IjEyM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E0IiwiVXNlVGltZSI6ZmFsc2UsIldvcmtEYXlTdGFydCI6IjAwOjAwOjAwIiwiV29ya0RheUVuZCI6IjIzOjU5OjAwIn0sIkxhc3RVc2VkVGVtcGxhdGVJZCI6IjVkODgxNTM2LTZlNTItNGU3Yi1hZDE3LWVlMDlkYjFiMDhhNSIsIkxhc3RVc2VkVGhlbWVEZXRhaWxzIjp7IiRpZCI6IjEyMTUiLCJJZCI6IjVjM2Y2ZWUyLWRhMTktNDQyMC05ZGQ3LWM4ZTI5MzRmNGIyYiIsIlRpdGxlIjoiVW50aXRsZWQgdGhlbWUiLCJDYXRlZ29yeSI6Mn0sIkZpcnN0V2Vla09mWWVhciI6MCwiUGxhY2VNaWxlc3RvbmVBdFRoZUJlZ2lubmluZ09mVGhlRGF5IjpmYWxzZSwiRGVwZW5kZW5jeVNjaGVkdWxpbmdTZXR0aW5ncyI6eyIkaWQiOiIxMjE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ioinformatics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Custom 1">
      <a:majorFont>
        <a:latin typeface="Bookman Old Style"/>
        <a:ea typeface=""/>
        <a:cs typeface=""/>
      </a:majorFont>
      <a:minorFont>
        <a:latin typeface="Bookman Old Styl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ioinformatics" id="{2C23B8A5-E958-4A8C-AECF-01EA482D72F9}" vid="{45DF3A2B-1BA7-4465-AD96-220179DE36D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ioinformatics</Template>
  <TotalTime>533</TotalTime>
  <Words>1807</Words>
  <Application>Microsoft Office PowerPoint</Application>
  <PresentationFormat>Widescreen</PresentationFormat>
  <Paragraphs>349</Paragraphs>
  <Slides>19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7" baseType="lpstr">
      <vt:lpstr>Aptos</vt:lpstr>
      <vt:lpstr>Arial</vt:lpstr>
      <vt:lpstr>Bookman Old Style</vt:lpstr>
      <vt:lpstr>Calibri</vt:lpstr>
      <vt:lpstr>Cambria</vt:lpstr>
      <vt:lpstr>Times New Roman</vt:lpstr>
      <vt:lpstr>Verdana</vt:lpstr>
      <vt:lpstr>Bioinformatics</vt:lpstr>
      <vt:lpstr>PATIENT CASE SIMILARITY</vt:lpstr>
      <vt:lpstr>Introduction</vt:lpstr>
      <vt:lpstr>Literature Review</vt:lpstr>
      <vt:lpstr>Existing method Drawback</vt:lpstr>
      <vt:lpstr>Existing method Drawback</vt:lpstr>
      <vt:lpstr>Proposed Method</vt:lpstr>
      <vt:lpstr>Proposed Method</vt:lpstr>
      <vt:lpstr>Objectives</vt:lpstr>
      <vt:lpstr>Methodology/Modules</vt:lpstr>
      <vt:lpstr>Architecture</vt:lpstr>
      <vt:lpstr>Software components</vt:lpstr>
      <vt:lpstr>PowerPoint Presentation</vt:lpstr>
      <vt:lpstr>Expected Outcomes</vt:lpstr>
      <vt:lpstr>Conclusion</vt:lpstr>
      <vt:lpstr>Github Link</vt:lpstr>
      <vt:lpstr>References</vt:lpstr>
      <vt:lpstr>References</vt:lpstr>
      <vt:lpstr>Project work mapping with SDG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njeev P Kaulgud-Asst. Prof-CSE</dc:creator>
  <cp:lastModifiedBy>N L</cp:lastModifiedBy>
  <cp:revision>20</cp:revision>
  <dcterms:created xsi:type="dcterms:W3CDTF">2023-03-16T03:26:27Z</dcterms:created>
  <dcterms:modified xsi:type="dcterms:W3CDTF">2025-01-08T13:49:04Z</dcterms:modified>
</cp:coreProperties>
</file>